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2章 人口\02公表用（改定有）\"/>
    </mc:Choice>
  </mc:AlternateContent>
  <xr:revisionPtr revIDLastSave="0" documentId="13_ncr:1_{4036B63B-1DC2-4B79-89C9-4FED0D2D0D5F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３　道内都市別世帯数・人口" sheetId="1" r:id="rId1"/>
  </sheets>
  <definedNames>
    <definedName name="_xlnm.Print_Area" localSheetId="0">'３　道内都市別世帯数・人口'!$A$1:$AK$41</definedName>
    <definedName name="_xlnm.Print_Titles" localSheetId="0">'３　道内都市別世帯数・人口'!$A:$A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83" uniqueCount="52">
  <si>
    <t>市名</t>
    <rPh sb="0" eb="1">
      <t>シ</t>
    </rPh>
    <rPh sb="1" eb="2">
      <t>メイ</t>
    </rPh>
    <phoneticPr fontId="3"/>
  </si>
  <si>
    <t>平　成　27　年</t>
    <rPh sb="0" eb="3">
      <t>ヘイセイ</t>
    </rPh>
    <rPh sb="7" eb="8">
      <t>ネン</t>
    </rPh>
    <phoneticPr fontId="3"/>
  </si>
  <si>
    <t>平　成　22　年</t>
    <rPh sb="0" eb="3">
      <t>ヘイセイ</t>
    </rPh>
    <rPh sb="7" eb="8">
      <t>ネン</t>
    </rPh>
    <phoneticPr fontId="3"/>
  </si>
  <si>
    <t>平　成　17　年</t>
    <rPh sb="0" eb="3">
      <t>ヘイセイ</t>
    </rPh>
    <rPh sb="7" eb="8">
      <t>ネン</t>
    </rPh>
    <phoneticPr fontId="3"/>
  </si>
  <si>
    <t>平　成　12　年</t>
    <rPh sb="0" eb="3">
      <t>ヘイセイ</t>
    </rPh>
    <rPh sb="7" eb="8">
      <t>ネン</t>
    </rPh>
    <phoneticPr fontId="3"/>
  </si>
  <si>
    <t>平　成　7　年</t>
    <rPh sb="0" eb="3">
      <t>ヘイセイ</t>
    </rPh>
    <rPh sb="6" eb="7">
      <t>ネン</t>
    </rPh>
    <phoneticPr fontId="3"/>
  </si>
  <si>
    <t>平　成　2　年</t>
    <rPh sb="0" eb="3">
      <t>ヘイセイ</t>
    </rPh>
    <rPh sb="6" eb="7">
      <t>ネン</t>
    </rPh>
    <phoneticPr fontId="3"/>
  </si>
  <si>
    <t>昭和　60　年</t>
    <rPh sb="0" eb="2">
      <t>ショウワ</t>
    </rPh>
    <rPh sb="6" eb="7">
      <t>ネン</t>
    </rPh>
    <phoneticPr fontId="3"/>
  </si>
  <si>
    <t>昭和　55　年</t>
    <rPh sb="0" eb="2">
      <t>ショウワ</t>
    </rPh>
    <rPh sb="6" eb="7">
      <t>ネン</t>
    </rPh>
    <phoneticPr fontId="3"/>
  </si>
  <si>
    <t>世帯数</t>
    <phoneticPr fontId="3"/>
  </si>
  <si>
    <t>人口総数</t>
    <rPh sb="0" eb="2">
      <t>ジンコウ</t>
    </rPh>
    <rPh sb="2" eb="4">
      <t>ソウ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世帯数</t>
    <phoneticPr fontId="3"/>
  </si>
  <si>
    <t>全道計</t>
    <rPh sb="0" eb="1">
      <t>ゼン</t>
    </rPh>
    <rPh sb="1" eb="2">
      <t>ミチ</t>
    </rPh>
    <rPh sb="2" eb="3">
      <t>ケイ</t>
    </rPh>
    <phoneticPr fontId="3"/>
  </si>
  <si>
    <t>市計</t>
    <rPh sb="0" eb="1">
      <t>シ</t>
    </rPh>
    <rPh sb="1" eb="2">
      <t>ケイ</t>
    </rPh>
    <phoneticPr fontId="3"/>
  </si>
  <si>
    <t>札幌市</t>
    <rPh sb="2" eb="3">
      <t>シ</t>
    </rPh>
    <phoneticPr fontId="3"/>
  </si>
  <si>
    <t>函館市</t>
    <rPh sb="2" eb="3">
      <t>シ</t>
    </rPh>
    <phoneticPr fontId="3"/>
  </si>
  <si>
    <t>小樽市</t>
    <rPh sb="2" eb="3">
      <t>シ</t>
    </rPh>
    <phoneticPr fontId="3"/>
  </si>
  <si>
    <t>旭川市</t>
    <rPh sb="2" eb="3">
      <t>シ</t>
    </rPh>
    <phoneticPr fontId="3"/>
  </si>
  <si>
    <t>室蘭市</t>
    <rPh sb="2" eb="3">
      <t>シ</t>
    </rPh>
    <phoneticPr fontId="3"/>
  </si>
  <si>
    <t>釧路市</t>
    <rPh sb="2" eb="3">
      <t>シ</t>
    </rPh>
    <phoneticPr fontId="3"/>
  </si>
  <si>
    <t>帯広市</t>
    <rPh sb="2" eb="3">
      <t>シ</t>
    </rPh>
    <phoneticPr fontId="3"/>
  </si>
  <si>
    <t>北見市</t>
    <rPh sb="2" eb="3">
      <t>シ</t>
    </rPh>
    <phoneticPr fontId="3"/>
  </si>
  <si>
    <t>夕張市</t>
    <rPh sb="2" eb="3">
      <t>シ</t>
    </rPh>
    <phoneticPr fontId="3"/>
  </si>
  <si>
    <t>岩見沢市</t>
    <rPh sb="3" eb="4">
      <t>シ</t>
    </rPh>
    <phoneticPr fontId="3"/>
  </si>
  <si>
    <t>網走市</t>
    <rPh sb="2" eb="3">
      <t>シ</t>
    </rPh>
    <phoneticPr fontId="3"/>
  </si>
  <si>
    <t>留萌市</t>
    <rPh sb="2" eb="3">
      <t>シ</t>
    </rPh>
    <phoneticPr fontId="3"/>
  </si>
  <si>
    <t>苫小牧市</t>
    <rPh sb="3" eb="4">
      <t>シ</t>
    </rPh>
    <phoneticPr fontId="3"/>
  </si>
  <si>
    <t>稚内市</t>
    <rPh sb="2" eb="3">
      <t>シ</t>
    </rPh>
    <phoneticPr fontId="3"/>
  </si>
  <si>
    <t>美唄市</t>
    <rPh sb="2" eb="3">
      <t>シ</t>
    </rPh>
    <phoneticPr fontId="3"/>
  </si>
  <si>
    <t>芦別市</t>
    <rPh sb="2" eb="3">
      <t>シ</t>
    </rPh>
    <phoneticPr fontId="3"/>
  </si>
  <si>
    <t>江別市</t>
    <rPh sb="2" eb="3">
      <t>シ</t>
    </rPh>
    <phoneticPr fontId="3"/>
  </si>
  <si>
    <t>赤平市</t>
    <rPh sb="2" eb="3">
      <t>シ</t>
    </rPh>
    <phoneticPr fontId="3"/>
  </si>
  <si>
    <t>紋別市</t>
    <rPh sb="2" eb="3">
      <t>シ</t>
    </rPh>
    <phoneticPr fontId="3"/>
  </si>
  <si>
    <t>士別市</t>
    <phoneticPr fontId="3"/>
  </si>
  <si>
    <t>名寄市</t>
    <rPh sb="2" eb="3">
      <t>シ</t>
    </rPh>
    <phoneticPr fontId="3"/>
  </si>
  <si>
    <t>三笠市</t>
    <rPh sb="2" eb="3">
      <t>シ</t>
    </rPh>
    <phoneticPr fontId="3"/>
  </si>
  <si>
    <t>根室市</t>
    <rPh sb="2" eb="3">
      <t>シ</t>
    </rPh>
    <phoneticPr fontId="3"/>
  </si>
  <si>
    <t>千歳市</t>
    <rPh sb="2" eb="3">
      <t>シ</t>
    </rPh>
    <phoneticPr fontId="3"/>
  </si>
  <si>
    <t>滝川市</t>
    <rPh sb="2" eb="3">
      <t>シ</t>
    </rPh>
    <phoneticPr fontId="3"/>
  </si>
  <si>
    <t>砂川市</t>
    <rPh sb="2" eb="3">
      <t>シ</t>
    </rPh>
    <phoneticPr fontId="3"/>
  </si>
  <si>
    <t>歌志内市</t>
    <rPh sb="3" eb="4">
      <t>シ</t>
    </rPh>
    <phoneticPr fontId="3"/>
  </si>
  <si>
    <t>深川市</t>
    <rPh sb="2" eb="3">
      <t>シ</t>
    </rPh>
    <phoneticPr fontId="3"/>
  </si>
  <si>
    <t>富良野市</t>
    <rPh sb="3" eb="4">
      <t>シ</t>
    </rPh>
    <phoneticPr fontId="3"/>
  </si>
  <si>
    <t>登別市</t>
    <rPh sb="2" eb="3">
      <t>シ</t>
    </rPh>
    <phoneticPr fontId="3"/>
  </si>
  <si>
    <t>恵庭市</t>
    <rPh sb="2" eb="3">
      <t>シ</t>
    </rPh>
    <phoneticPr fontId="3"/>
  </si>
  <si>
    <t>伊達市</t>
    <rPh sb="2" eb="3">
      <t>シ</t>
    </rPh>
    <phoneticPr fontId="3"/>
  </si>
  <si>
    <t>北広島市</t>
    <rPh sb="0" eb="1">
      <t>キタ</t>
    </rPh>
    <rPh sb="3" eb="4">
      <t>シ</t>
    </rPh>
    <phoneticPr fontId="3"/>
  </si>
  <si>
    <t>石狩市</t>
    <phoneticPr fontId="3"/>
  </si>
  <si>
    <t>北斗市</t>
    <rPh sb="0" eb="1">
      <t>キタ</t>
    </rPh>
    <rPh sb="1" eb="2">
      <t>ハカル</t>
    </rPh>
    <rPh sb="2" eb="3">
      <t>シ</t>
    </rPh>
    <phoneticPr fontId="3"/>
  </si>
  <si>
    <t>令　和　２　年</t>
    <rPh sb="0" eb="1">
      <t>レイ</t>
    </rPh>
    <rPh sb="2" eb="3">
      <t>ワ</t>
    </rPh>
    <rPh sb="6" eb="7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△ &quot;#,##0"/>
    <numFmt numFmtId="177" formatCode="###,###,###,##0;&quot;-&quot;##,###,###,##0"/>
  </numFmts>
  <fonts count="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b/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indexed="8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4" tint="0.79998168889431442"/>
        <bgColor indexed="64"/>
      </patternFill>
    </fill>
  </fills>
  <borders count="37">
    <border>
      <left/>
      <right/>
      <top/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5" fillId="0" borderId="0"/>
  </cellStyleXfs>
  <cellXfs count="96">
    <xf numFmtId="0" fontId="0" fillId="0" borderId="0" xfId="0"/>
    <xf numFmtId="0" fontId="0" fillId="0" borderId="8" xfId="0" applyFont="1" applyBorder="1" applyAlignment="1">
      <alignment horizontal="center" vertical="center"/>
    </xf>
    <xf numFmtId="0" fontId="0" fillId="0" borderId="9" xfId="0" applyFont="1" applyBorder="1" applyAlignment="1">
      <alignment horizontal="center" vertical="center"/>
    </xf>
    <xf numFmtId="0" fontId="0" fillId="0" borderId="10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38" fontId="1" fillId="0" borderId="14" xfId="1" applyFont="1" applyBorder="1" applyAlignment="1">
      <alignment vertical="center" shrinkToFit="1"/>
    </xf>
    <xf numFmtId="38" fontId="1" fillId="0" borderId="15" xfId="1" applyFont="1" applyBorder="1" applyAlignment="1">
      <alignment vertical="center" shrinkToFit="1"/>
    </xf>
    <xf numFmtId="176" fontId="1" fillId="0" borderId="17" xfId="0" applyNumberFormat="1" applyFont="1" applyFill="1" applyBorder="1" applyAlignment="1">
      <alignment horizontal="right" vertical="center" shrinkToFit="1"/>
    </xf>
    <xf numFmtId="176" fontId="1" fillId="0" borderId="18" xfId="0" applyNumberFormat="1" applyFont="1" applyFill="1" applyBorder="1" applyAlignment="1">
      <alignment horizontal="right" vertical="center" shrinkToFit="1"/>
    </xf>
    <xf numFmtId="176" fontId="0" fillId="0" borderId="19" xfId="0" applyNumberFormat="1" applyFont="1" applyFill="1" applyBorder="1" applyAlignment="1">
      <alignment horizontal="right" vertical="center" shrinkToFit="1"/>
    </xf>
    <xf numFmtId="177" fontId="6" fillId="0" borderId="14" xfId="2" quotePrefix="1" applyNumberFormat="1" applyFont="1" applyFill="1" applyBorder="1" applyAlignment="1">
      <alignment horizontal="right" vertical="center" shrinkToFit="1"/>
    </xf>
    <xf numFmtId="177" fontId="6" fillId="0" borderId="15" xfId="2" quotePrefix="1" applyNumberFormat="1" applyFont="1" applyFill="1" applyBorder="1" applyAlignment="1">
      <alignment horizontal="right" vertical="center" shrinkToFit="1"/>
    </xf>
    <xf numFmtId="177" fontId="6" fillId="0" borderId="20" xfId="2" quotePrefix="1" applyNumberFormat="1" applyFont="1" applyFill="1" applyBorder="1" applyAlignment="1">
      <alignment horizontal="right" vertical="center" shrinkToFit="1"/>
    </xf>
    <xf numFmtId="176" fontId="1" fillId="0" borderId="21" xfId="0" applyNumberFormat="1" applyFont="1" applyFill="1" applyBorder="1" applyAlignment="1">
      <alignment horizontal="right" vertical="center" shrinkToFit="1"/>
    </xf>
    <xf numFmtId="176" fontId="1" fillId="0" borderId="22" xfId="0" applyNumberFormat="1" applyFont="1" applyFill="1" applyBorder="1" applyAlignment="1">
      <alignment horizontal="right" vertical="center" shrinkToFit="1"/>
    </xf>
    <xf numFmtId="176" fontId="1" fillId="0" borderId="19" xfId="0" applyNumberFormat="1" applyFont="1" applyFill="1" applyBorder="1" applyAlignment="1">
      <alignment horizontal="right" vertical="center" shrinkToFit="1"/>
    </xf>
    <xf numFmtId="176" fontId="1" fillId="0" borderId="23" xfId="0" applyNumberFormat="1" applyFont="1" applyFill="1" applyBorder="1" applyAlignment="1">
      <alignment horizontal="right" vertical="center" shrinkToFit="1"/>
    </xf>
    <xf numFmtId="0" fontId="0" fillId="2" borderId="0" xfId="0" applyFill="1" applyAlignment="1">
      <alignment vertical="center"/>
    </xf>
    <xf numFmtId="3" fontId="0" fillId="0" borderId="0" xfId="0" applyNumberFormat="1" applyAlignment="1">
      <alignment vertical="center"/>
    </xf>
    <xf numFmtId="0" fontId="1" fillId="0" borderId="14" xfId="0" applyFont="1" applyBorder="1" applyAlignment="1">
      <alignment vertical="center" shrinkToFit="1"/>
    </xf>
    <xf numFmtId="0" fontId="1" fillId="0" borderId="15" xfId="0" applyFont="1" applyBorder="1" applyAlignment="1">
      <alignment vertical="center" shrinkToFit="1"/>
    </xf>
    <xf numFmtId="0" fontId="1" fillId="0" borderId="16" xfId="0" applyFont="1" applyBorder="1" applyAlignment="1">
      <alignment vertical="center" shrinkToFit="1"/>
    </xf>
    <xf numFmtId="0" fontId="0" fillId="0" borderId="20" xfId="0" applyFont="1" applyBorder="1" applyAlignment="1">
      <alignment vertical="center" shrinkToFit="1"/>
    </xf>
    <xf numFmtId="0" fontId="0" fillId="0" borderId="14" xfId="0" applyFont="1" applyBorder="1" applyAlignment="1">
      <alignment vertical="center" shrinkToFit="1"/>
    </xf>
    <xf numFmtId="0" fontId="0" fillId="0" borderId="15" xfId="0" applyFont="1" applyBorder="1" applyAlignment="1">
      <alignment vertical="center" shrinkToFit="1"/>
    </xf>
    <xf numFmtId="0" fontId="1" fillId="0" borderId="24" xfId="0" applyFont="1" applyBorder="1" applyAlignment="1">
      <alignment vertical="center" shrinkToFit="1"/>
    </xf>
    <xf numFmtId="0" fontId="1" fillId="0" borderId="20" xfId="0" applyFont="1" applyBorder="1" applyAlignment="1">
      <alignment vertical="center" shrinkToFit="1"/>
    </xf>
    <xf numFmtId="0" fontId="1" fillId="0" borderId="25" xfId="0" applyFont="1" applyBorder="1" applyAlignment="1">
      <alignment vertical="center" shrinkToFit="1"/>
    </xf>
    <xf numFmtId="176" fontId="1" fillId="0" borderId="14" xfId="0" applyNumberFormat="1" applyFont="1" applyFill="1" applyBorder="1" applyAlignment="1">
      <alignment horizontal="right" vertical="center" shrinkToFit="1"/>
    </xf>
    <xf numFmtId="176" fontId="1" fillId="0" borderId="15" xfId="0" applyNumberFormat="1" applyFont="1" applyFill="1" applyBorder="1" applyAlignment="1">
      <alignment horizontal="right" vertical="center" shrinkToFit="1"/>
    </xf>
    <xf numFmtId="176" fontId="0" fillId="0" borderId="20" xfId="0" applyNumberFormat="1" applyFont="1" applyFill="1" applyBorder="1" applyAlignment="1">
      <alignment horizontal="right" vertical="center" shrinkToFit="1"/>
    </xf>
    <xf numFmtId="176" fontId="1" fillId="0" borderId="24" xfId="0" applyNumberFormat="1" applyFont="1" applyFill="1" applyBorder="1" applyAlignment="1">
      <alignment horizontal="right" vertical="center" shrinkToFit="1"/>
    </xf>
    <xf numFmtId="176" fontId="1" fillId="0" borderId="16" xfId="0" applyNumberFormat="1" applyFont="1" applyFill="1" applyBorder="1" applyAlignment="1">
      <alignment horizontal="right" vertical="center" shrinkToFit="1"/>
    </xf>
    <xf numFmtId="176" fontId="1" fillId="0" borderId="20" xfId="0" applyNumberFormat="1" applyFont="1" applyFill="1" applyBorder="1" applyAlignment="1">
      <alignment horizontal="right" vertical="center" shrinkToFit="1"/>
    </xf>
    <xf numFmtId="176" fontId="1" fillId="0" borderId="25" xfId="0" applyNumberFormat="1" applyFont="1" applyFill="1" applyBorder="1" applyAlignment="1">
      <alignment horizontal="right" vertical="center" shrinkToFit="1"/>
    </xf>
    <xf numFmtId="38" fontId="1" fillId="3" borderId="14" xfId="1" applyFont="1" applyFill="1" applyBorder="1" applyAlignment="1">
      <alignment vertical="center" shrinkToFit="1"/>
    </xf>
    <xf numFmtId="38" fontId="1" fillId="3" borderId="15" xfId="1" applyFont="1" applyFill="1" applyBorder="1" applyAlignment="1">
      <alignment vertical="center" shrinkToFit="1"/>
    </xf>
    <xf numFmtId="176" fontId="1" fillId="3" borderId="14" xfId="0" applyNumberFormat="1" applyFont="1" applyFill="1" applyBorder="1" applyAlignment="1">
      <alignment horizontal="right" vertical="center" shrinkToFit="1"/>
    </xf>
    <xf numFmtId="176" fontId="1" fillId="3" borderId="15" xfId="0" applyNumberFormat="1" applyFont="1" applyFill="1" applyBorder="1" applyAlignment="1">
      <alignment horizontal="right" vertical="center" shrinkToFit="1"/>
    </xf>
    <xf numFmtId="176" fontId="1" fillId="3" borderId="20" xfId="0" applyNumberFormat="1" applyFont="1" applyFill="1" applyBorder="1" applyAlignment="1">
      <alignment horizontal="right" vertical="center" shrinkToFit="1"/>
    </xf>
    <xf numFmtId="176" fontId="1" fillId="3" borderId="24" xfId="0" applyNumberFormat="1" applyFont="1" applyFill="1" applyBorder="1" applyAlignment="1">
      <alignment horizontal="right" vertical="center" shrinkToFit="1"/>
    </xf>
    <xf numFmtId="176" fontId="1" fillId="3" borderId="16" xfId="0" applyNumberFormat="1" applyFont="1" applyFill="1" applyBorder="1" applyAlignment="1">
      <alignment horizontal="right" vertical="center" shrinkToFit="1"/>
    </xf>
    <xf numFmtId="176" fontId="1" fillId="3" borderId="25" xfId="0" applyNumberFormat="1" applyFont="1" applyFill="1" applyBorder="1" applyAlignment="1">
      <alignment horizontal="right" vertical="center" shrinkToFit="1"/>
    </xf>
    <xf numFmtId="38" fontId="4" fillId="0" borderId="14" xfId="1" applyFont="1" applyFill="1" applyBorder="1" applyAlignment="1">
      <alignment vertical="center" shrinkToFit="1"/>
    </xf>
    <xf numFmtId="38" fontId="4" fillId="0" borderId="15" xfId="1" applyFont="1" applyFill="1" applyBorder="1" applyAlignment="1">
      <alignment vertical="center" shrinkToFit="1"/>
    </xf>
    <xf numFmtId="176" fontId="4" fillId="0" borderId="14" xfId="0" applyNumberFormat="1" applyFont="1" applyFill="1" applyBorder="1" applyAlignment="1">
      <alignment horizontal="right" vertical="center" shrinkToFit="1"/>
    </xf>
    <xf numFmtId="176" fontId="4" fillId="0" borderId="15" xfId="0" applyNumberFormat="1" applyFont="1" applyFill="1" applyBorder="1" applyAlignment="1">
      <alignment horizontal="right" vertical="center" shrinkToFit="1"/>
    </xf>
    <xf numFmtId="176" fontId="4" fillId="0" borderId="20" xfId="0" applyNumberFormat="1" applyFont="1" applyFill="1" applyBorder="1" applyAlignment="1">
      <alignment horizontal="right" vertical="center" shrinkToFit="1"/>
    </xf>
    <xf numFmtId="176" fontId="4" fillId="0" borderId="24" xfId="0" applyNumberFormat="1" applyFont="1" applyFill="1" applyBorder="1" applyAlignment="1">
      <alignment horizontal="right" vertical="center" shrinkToFit="1"/>
    </xf>
    <xf numFmtId="176" fontId="4" fillId="0" borderId="16" xfId="0" applyNumberFormat="1" applyFont="1" applyFill="1" applyBorder="1" applyAlignment="1">
      <alignment horizontal="right" vertical="center" shrinkToFit="1"/>
    </xf>
    <xf numFmtId="176" fontId="4" fillId="0" borderId="25" xfId="0" applyNumberFormat="1" applyFont="1" applyFill="1" applyBorder="1" applyAlignment="1">
      <alignment horizontal="right" vertical="center" shrinkToFit="1"/>
    </xf>
    <xf numFmtId="0" fontId="0" fillId="0" borderId="0" xfId="0" applyFill="1"/>
    <xf numFmtId="38" fontId="1" fillId="3" borderId="26" xfId="1" applyFont="1" applyFill="1" applyBorder="1" applyAlignment="1">
      <alignment vertical="center" shrinkToFit="1"/>
    </xf>
    <xf numFmtId="38" fontId="1" fillId="3" borderId="27" xfId="1" applyFont="1" applyFill="1" applyBorder="1" applyAlignment="1">
      <alignment vertical="center" shrinkToFit="1"/>
    </xf>
    <xf numFmtId="176" fontId="1" fillId="3" borderId="26" xfId="0" applyNumberFormat="1" applyFont="1" applyFill="1" applyBorder="1" applyAlignment="1">
      <alignment horizontal="right" vertical="center" shrinkToFit="1"/>
    </xf>
    <xf numFmtId="176" fontId="1" fillId="3" borderId="27" xfId="0" applyNumberFormat="1" applyFont="1" applyFill="1" applyBorder="1" applyAlignment="1">
      <alignment horizontal="right" vertical="center" shrinkToFit="1"/>
    </xf>
    <xf numFmtId="176" fontId="1" fillId="3" borderId="29" xfId="0" applyNumberFormat="1" applyFont="1" applyFill="1" applyBorder="1" applyAlignment="1">
      <alignment horizontal="right" vertical="center" shrinkToFit="1"/>
    </xf>
    <xf numFmtId="176" fontId="1" fillId="3" borderId="30" xfId="0" applyNumberFormat="1" applyFont="1" applyFill="1" applyBorder="1" applyAlignment="1">
      <alignment horizontal="right" vertical="center" shrinkToFit="1"/>
    </xf>
    <xf numFmtId="176" fontId="1" fillId="3" borderId="28" xfId="0" applyNumberFormat="1" applyFont="1" applyFill="1" applyBorder="1" applyAlignment="1">
      <alignment horizontal="right" vertical="center" shrinkToFit="1"/>
    </xf>
    <xf numFmtId="176" fontId="1" fillId="3" borderId="31" xfId="0" applyNumberFormat="1" applyFont="1" applyFill="1" applyBorder="1" applyAlignment="1">
      <alignment horizontal="right" vertical="center" shrinkToFit="1"/>
    </xf>
    <xf numFmtId="0" fontId="0" fillId="0" borderId="0" xfId="0" applyFont="1"/>
    <xf numFmtId="0" fontId="0" fillId="0" borderId="0" xfId="0" applyBorder="1" applyAlignment="1"/>
    <xf numFmtId="0" fontId="0" fillId="0" borderId="0" xfId="0" applyAlignment="1">
      <alignment vertical="center"/>
    </xf>
    <xf numFmtId="38" fontId="0" fillId="0" borderId="0" xfId="1" applyFont="1" applyAlignment="1">
      <alignment vertical="center"/>
    </xf>
    <xf numFmtId="0" fontId="0" fillId="0" borderId="11" xfId="0" applyFont="1" applyBorder="1" applyAlignment="1">
      <alignment horizontal="center" vertical="center"/>
    </xf>
    <xf numFmtId="38" fontId="1" fillId="0" borderId="20" xfId="1" applyFont="1" applyBorder="1" applyAlignment="1">
      <alignment vertical="center" shrinkToFit="1"/>
    </xf>
    <xf numFmtId="38" fontId="1" fillId="3" borderId="20" xfId="1" applyFont="1" applyFill="1" applyBorder="1" applyAlignment="1">
      <alignment vertical="center" shrinkToFit="1"/>
    </xf>
    <xf numFmtId="38" fontId="4" fillId="0" borderId="20" xfId="1" applyFont="1" applyFill="1" applyBorder="1" applyAlignment="1">
      <alignment vertical="center" shrinkToFit="1"/>
    </xf>
    <xf numFmtId="38" fontId="1" fillId="3" borderId="29" xfId="1" applyFont="1" applyFill="1" applyBorder="1" applyAlignment="1">
      <alignment vertical="center" shrinkToFit="1"/>
    </xf>
    <xf numFmtId="0" fontId="0" fillId="0" borderId="12" xfId="0" applyFont="1" applyBorder="1" applyAlignment="1">
      <alignment horizontal="center" vertical="center"/>
    </xf>
    <xf numFmtId="0" fontId="0" fillId="0" borderId="35" xfId="0" applyBorder="1" applyAlignment="1">
      <alignment vertical="center"/>
    </xf>
    <xf numFmtId="0" fontId="0" fillId="0" borderId="34" xfId="0" applyBorder="1" applyAlignment="1">
      <alignment vertical="center"/>
    </xf>
    <xf numFmtId="0" fontId="0" fillId="3" borderId="34" xfId="0" applyFill="1" applyBorder="1" applyAlignment="1">
      <alignment horizontal="distributed" vertical="center"/>
    </xf>
    <xf numFmtId="0" fontId="0" fillId="0" borderId="34" xfId="0" applyBorder="1" applyAlignment="1">
      <alignment horizontal="distributed" vertical="center"/>
    </xf>
    <xf numFmtId="0" fontId="4" fillId="0" borderId="34" xfId="0" applyFont="1" applyFill="1" applyBorder="1" applyAlignment="1">
      <alignment horizontal="distributed" vertical="center"/>
    </xf>
    <xf numFmtId="0" fontId="0" fillId="3" borderId="36" xfId="0" applyFont="1" applyFill="1" applyBorder="1" applyAlignment="1">
      <alignment horizontal="distributed" vertical="center"/>
    </xf>
    <xf numFmtId="38" fontId="0" fillId="0" borderId="0" xfId="0" applyNumberFormat="1"/>
    <xf numFmtId="38" fontId="0" fillId="0" borderId="16" xfId="0" applyNumberFormat="1" applyBorder="1"/>
    <xf numFmtId="38" fontId="0" fillId="0" borderId="20" xfId="0" applyNumberFormat="1" applyBorder="1"/>
    <xf numFmtId="0" fontId="4" fillId="0" borderId="4" xfId="0" applyFont="1" applyBorder="1" applyAlignment="1">
      <alignment horizontal="center" vertical="center"/>
    </xf>
    <xf numFmtId="0" fontId="4" fillId="0" borderId="4" xfId="0" applyFont="1" applyBorder="1" applyAlignment="1">
      <alignment vertical="center"/>
    </xf>
    <xf numFmtId="0" fontId="4" fillId="0" borderId="3" xfId="0" applyFont="1" applyBorder="1" applyAlignment="1">
      <alignment horizontal="center" vertical="center"/>
    </xf>
    <xf numFmtId="0" fontId="4" fillId="0" borderId="5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0" fillId="0" borderId="32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vertical="center"/>
    </xf>
    <xf numFmtId="0" fontId="4" fillId="0" borderId="6" xfId="0" applyFont="1" applyBorder="1" applyAlignment="1">
      <alignment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JB16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P111"/>
  <sheetViews>
    <sheetView tabSelected="1" view="pageBreakPreview" zoomScaleNormal="100" zoomScaleSheetLayoutView="100" workbookViewId="0">
      <pane xSplit="1" ySplit="2" topLeftCell="B3" activePane="bottomRight" state="frozen"/>
      <selection activeCell="E17" sqref="E17"/>
      <selection pane="topRight" activeCell="E17" sqref="E17"/>
      <selection pane="bottomLeft" activeCell="E17" sqref="E17"/>
      <selection pane="bottomRight" activeCell="C6" sqref="C6"/>
    </sheetView>
  </sheetViews>
  <sheetFormatPr defaultRowHeight="13.2" x14ac:dyDescent="0.2"/>
  <cols>
    <col min="1" max="1" width="11" customWidth="1"/>
    <col min="2" max="2" width="10.109375" customWidth="1"/>
    <col min="3" max="3" width="10" customWidth="1"/>
    <col min="4" max="4" width="9.77734375" customWidth="1"/>
    <col min="5" max="5" width="10" customWidth="1"/>
    <col min="6" max="9" width="9.44140625" style="65" customWidth="1"/>
    <col min="10" max="37" width="9.44140625" customWidth="1"/>
  </cols>
  <sheetData>
    <row r="1" spans="1:42" ht="24.75" customHeight="1" x14ac:dyDescent="0.2">
      <c r="A1" s="89" t="s">
        <v>0</v>
      </c>
      <c r="B1" s="84" t="s">
        <v>51</v>
      </c>
      <c r="C1" s="94"/>
      <c r="D1" s="94"/>
      <c r="E1" s="95"/>
      <c r="F1" s="91" t="s">
        <v>1</v>
      </c>
      <c r="G1" s="92"/>
      <c r="H1" s="92"/>
      <c r="I1" s="93"/>
      <c r="J1" s="86" t="s">
        <v>2</v>
      </c>
      <c r="K1" s="85"/>
      <c r="L1" s="85"/>
      <c r="M1" s="87"/>
      <c r="N1" s="91" t="s">
        <v>3</v>
      </c>
      <c r="O1" s="92"/>
      <c r="P1" s="92"/>
      <c r="Q1" s="93"/>
      <c r="R1" s="84" t="s">
        <v>4</v>
      </c>
      <c r="S1" s="85"/>
      <c r="T1" s="85"/>
      <c r="U1" s="85"/>
      <c r="V1" s="86" t="s">
        <v>5</v>
      </c>
      <c r="W1" s="85"/>
      <c r="X1" s="85"/>
      <c r="Y1" s="87"/>
      <c r="Z1" s="84" t="s">
        <v>6</v>
      </c>
      <c r="AA1" s="85"/>
      <c r="AB1" s="85"/>
      <c r="AC1" s="85"/>
      <c r="AD1" s="86" t="s">
        <v>7</v>
      </c>
      <c r="AE1" s="85"/>
      <c r="AF1" s="85"/>
      <c r="AG1" s="87"/>
      <c r="AH1" s="84" t="s">
        <v>8</v>
      </c>
      <c r="AI1" s="85"/>
      <c r="AJ1" s="85"/>
      <c r="AK1" s="88"/>
    </row>
    <row r="2" spans="1:42" ht="24.75" customHeight="1" x14ac:dyDescent="0.2">
      <c r="A2" s="90"/>
      <c r="B2" s="74" t="s">
        <v>9</v>
      </c>
      <c r="C2" s="2" t="s">
        <v>10</v>
      </c>
      <c r="D2" s="74" t="s">
        <v>11</v>
      </c>
      <c r="E2" s="3" t="s">
        <v>12</v>
      </c>
      <c r="F2" s="1" t="s">
        <v>9</v>
      </c>
      <c r="G2" s="2" t="s">
        <v>10</v>
      </c>
      <c r="H2" s="2" t="s">
        <v>11</v>
      </c>
      <c r="I2" s="69" t="s">
        <v>12</v>
      </c>
      <c r="J2" s="4" t="s">
        <v>13</v>
      </c>
      <c r="K2" s="5" t="s">
        <v>10</v>
      </c>
      <c r="L2" s="5" t="s">
        <v>11</v>
      </c>
      <c r="M2" s="6" t="s">
        <v>12</v>
      </c>
      <c r="N2" s="4" t="s">
        <v>13</v>
      </c>
      <c r="O2" s="5" t="s">
        <v>10</v>
      </c>
      <c r="P2" s="5" t="s">
        <v>11</v>
      </c>
      <c r="Q2" s="6" t="s">
        <v>12</v>
      </c>
      <c r="R2" s="7" t="s">
        <v>9</v>
      </c>
      <c r="S2" s="5" t="s">
        <v>10</v>
      </c>
      <c r="T2" s="5" t="s">
        <v>11</v>
      </c>
      <c r="U2" s="8" t="s">
        <v>12</v>
      </c>
      <c r="V2" s="4" t="s">
        <v>13</v>
      </c>
      <c r="W2" s="5" t="s">
        <v>10</v>
      </c>
      <c r="X2" s="5" t="s">
        <v>11</v>
      </c>
      <c r="Y2" s="6" t="s">
        <v>12</v>
      </c>
      <c r="Z2" s="7" t="s">
        <v>13</v>
      </c>
      <c r="AA2" s="5" t="s">
        <v>10</v>
      </c>
      <c r="AB2" s="5" t="s">
        <v>11</v>
      </c>
      <c r="AC2" s="8" t="s">
        <v>12</v>
      </c>
      <c r="AD2" s="4" t="s">
        <v>13</v>
      </c>
      <c r="AE2" s="5" t="s">
        <v>10</v>
      </c>
      <c r="AF2" s="5" t="s">
        <v>11</v>
      </c>
      <c r="AG2" s="6" t="s">
        <v>12</v>
      </c>
      <c r="AH2" s="7" t="s">
        <v>13</v>
      </c>
      <c r="AI2" s="5" t="s">
        <v>10</v>
      </c>
      <c r="AJ2" s="5" t="s">
        <v>11</v>
      </c>
      <c r="AK2" s="9" t="s">
        <v>12</v>
      </c>
    </row>
    <row r="3" spans="1:42" ht="18" customHeight="1" x14ac:dyDescent="0.2">
      <c r="A3" s="75" t="s">
        <v>14</v>
      </c>
      <c r="B3" s="10">
        <v>2476846</v>
      </c>
      <c r="C3" s="11">
        <v>5224614</v>
      </c>
      <c r="D3" s="11">
        <v>2465088</v>
      </c>
      <c r="E3" s="70">
        <v>2759526</v>
      </c>
      <c r="F3" s="10">
        <v>2444810</v>
      </c>
      <c r="G3" s="11">
        <v>5381733</v>
      </c>
      <c r="H3" s="11">
        <v>2537089</v>
      </c>
      <c r="I3" s="70">
        <v>2844644</v>
      </c>
      <c r="J3" s="12">
        <v>2424317</v>
      </c>
      <c r="K3" s="13">
        <v>5506419</v>
      </c>
      <c r="L3" s="13">
        <v>2603345</v>
      </c>
      <c r="M3" s="14">
        <v>2903074</v>
      </c>
      <c r="N3" s="15">
        <v>2380251</v>
      </c>
      <c r="O3" s="16">
        <v>5627737</v>
      </c>
      <c r="P3" s="16">
        <v>2675033</v>
      </c>
      <c r="Q3" s="17">
        <v>2952704</v>
      </c>
      <c r="R3" s="18">
        <v>2306419</v>
      </c>
      <c r="S3" s="13">
        <v>5683062</v>
      </c>
      <c r="T3" s="13">
        <v>2719389</v>
      </c>
      <c r="U3" s="19">
        <v>2963673</v>
      </c>
      <c r="V3" s="12">
        <v>2187000</v>
      </c>
      <c r="W3" s="13">
        <v>5692321</v>
      </c>
      <c r="X3" s="13">
        <v>2736844</v>
      </c>
      <c r="Y3" s="20">
        <v>2955477</v>
      </c>
      <c r="Z3" s="18">
        <v>2031612</v>
      </c>
      <c r="AA3" s="13">
        <v>5643647</v>
      </c>
      <c r="AB3" s="13">
        <v>2722988</v>
      </c>
      <c r="AC3" s="19">
        <v>2920659</v>
      </c>
      <c r="AD3" s="12">
        <v>1930078</v>
      </c>
      <c r="AE3" s="13">
        <v>5679439</v>
      </c>
      <c r="AF3" s="13">
        <v>2766296</v>
      </c>
      <c r="AG3" s="20">
        <v>2913143</v>
      </c>
      <c r="AH3" s="18">
        <v>1739574</v>
      </c>
      <c r="AI3" s="13">
        <v>5575989</v>
      </c>
      <c r="AJ3" s="13">
        <v>2737089</v>
      </c>
      <c r="AK3" s="21">
        <v>2838900</v>
      </c>
      <c r="AL3" s="22"/>
      <c r="AM3" s="22"/>
      <c r="AN3" s="23"/>
      <c r="AO3" s="23"/>
      <c r="AP3" s="23"/>
    </row>
    <row r="4" spans="1:42" ht="18" customHeight="1" x14ac:dyDescent="0.2">
      <c r="A4" s="76"/>
      <c r="B4" s="24"/>
      <c r="C4" s="25"/>
      <c r="D4" s="25"/>
      <c r="E4" s="31"/>
      <c r="F4" s="24"/>
      <c r="G4" s="25"/>
      <c r="H4" s="25"/>
      <c r="I4" s="31"/>
      <c r="J4" s="24"/>
      <c r="K4" s="25"/>
      <c r="L4" s="25"/>
      <c r="M4" s="27"/>
      <c r="N4" s="28"/>
      <c r="O4" s="29"/>
      <c r="P4" s="29"/>
      <c r="Q4" s="27"/>
      <c r="R4" s="30"/>
      <c r="S4" s="25"/>
      <c r="T4" s="25"/>
      <c r="U4" s="26"/>
      <c r="V4" s="24"/>
      <c r="W4" s="25"/>
      <c r="X4" s="25"/>
      <c r="Y4" s="31"/>
      <c r="Z4" s="30"/>
      <c r="AA4" s="25"/>
      <c r="AB4" s="25"/>
      <c r="AC4" s="26"/>
      <c r="AD4" s="24"/>
      <c r="AE4" s="25"/>
      <c r="AF4" s="25"/>
      <c r="AG4" s="31"/>
      <c r="AH4" s="30"/>
      <c r="AI4" s="25"/>
      <c r="AJ4" s="25"/>
      <c r="AK4" s="32"/>
    </row>
    <row r="5" spans="1:42" ht="18" customHeight="1" x14ac:dyDescent="0.2">
      <c r="A5" s="76" t="s">
        <v>15</v>
      </c>
      <c r="B5" s="81">
        <v>2063614</v>
      </c>
      <c r="C5" s="82">
        <v>4310477</v>
      </c>
      <c r="D5" s="82">
        <v>2023753</v>
      </c>
      <c r="E5" s="83">
        <v>2286724</v>
      </c>
      <c r="F5" s="10">
        <v>2021698</v>
      </c>
      <c r="G5" s="11">
        <v>4395172</v>
      </c>
      <c r="H5" s="11">
        <v>2063947</v>
      </c>
      <c r="I5" s="70">
        <v>2331225</v>
      </c>
      <c r="J5" s="33">
        <v>1989236</v>
      </c>
      <c r="K5" s="34">
        <v>4449360</v>
      </c>
      <c r="L5" s="34">
        <v>2096303</v>
      </c>
      <c r="M5" s="35">
        <v>2353057</v>
      </c>
      <c r="N5" s="15">
        <v>1901288</v>
      </c>
      <c r="O5" s="16">
        <v>4410600</v>
      </c>
      <c r="P5" s="16">
        <v>2090452</v>
      </c>
      <c r="Q5" s="17">
        <v>2320148</v>
      </c>
      <c r="R5" s="36">
        <v>1820723</v>
      </c>
      <c r="S5" s="34">
        <v>4389368</v>
      </c>
      <c r="T5" s="34">
        <v>2094897</v>
      </c>
      <c r="U5" s="37">
        <v>2294471</v>
      </c>
      <c r="V5" s="33">
        <v>1678719</v>
      </c>
      <c r="W5" s="34">
        <v>4249121</v>
      </c>
      <c r="X5" s="34">
        <v>2038081</v>
      </c>
      <c r="Y5" s="38">
        <v>2211040</v>
      </c>
      <c r="Z5" s="36">
        <v>1545348</v>
      </c>
      <c r="AA5" s="34">
        <v>4167409</v>
      </c>
      <c r="AB5" s="34">
        <v>2007147</v>
      </c>
      <c r="AC5" s="37">
        <v>2160262</v>
      </c>
      <c r="AD5" s="33">
        <v>1441584</v>
      </c>
      <c r="AE5" s="34">
        <v>4122135</v>
      </c>
      <c r="AF5" s="34">
        <v>2003360</v>
      </c>
      <c r="AG5" s="38">
        <v>2118775</v>
      </c>
      <c r="AH5" s="36">
        <v>1285715</v>
      </c>
      <c r="AI5" s="34">
        <v>3982676</v>
      </c>
      <c r="AJ5" s="34">
        <v>1952902</v>
      </c>
      <c r="AK5" s="39">
        <v>2029774</v>
      </c>
      <c r="AL5" s="22"/>
      <c r="AM5" s="22"/>
      <c r="AN5" s="23"/>
      <c r="AO5" s="23"/>
      <c r="AP5" s="23"/>
    </row>
    <row r="6" spans="1:42" ht="18" customHeight="1" x14ac:dyDescent="0.2">
      <c r="A6" s="76"/>
      <c r="B6" s="24"/>
      <c r="C6" s="25"/>
      <c r="D6" s="25"/>
      <c r="E6" s="31"/>
      <c r="F6" s="24"/>
      <c r="G6" s="25"/>
      <c r="H6" s="25"/>
      <c r="I6" s="31"/>
      <c r="J6" s="24"/>
      <c r="K6" s="25"/>
      <c r="L6" s="25"/>
      <c r="M6" s="31"/>
      <c r="N6" s="24"/>
      <c r="O6" s="25"/>
      <c r="P6" s="25"/>
      <c r="Q6" s="31"/>
      <c r="R6" s="30"/>
      <c r="S6" s="25"/>
      <c r="T6" s="25"/>
      <c r="U6" s="26"/>
      <c r="V6" s="24"/>
      <c r="W6" s="25"/>
      <c r="X6" s="25"/>
      <c r="Y6" s="31"/>
      <c r="Z6" s="30"/>
      <c r="AA6" s="25"/>
      <c r="AB6" s="25"/>
      <c r="AC6" s="26"/>
      <c r="AD6" s="24"/>
      <c r="AE6" s="25"/>
      <c r="AF6" s="25"/>
      <c r="AG6" s="31"/>
      <c r="AH6" s="30"/>
      <c r="AI6" s="25"/>
      <c r="AJ6" s="25"/>
      <c r="AK6" s="32"/>
    </row>
    <row r="7" spans="1:42" ht="18" customHeight="1" x14ac:dyDescent="0.2">
      <c r="A7" s="77" t="s">
        <v>16</v>
      </c>
      <c r="B7" s="40">
        <v>969161</v>
      </c>
      <c r="C7" s="41">
        <v>1973395</v>
      </c>
      <c r="D7" s="41">
        <v>918682</v>
      </c>
      <c r="E7" s="71">
        <v>1054713</v>
      </c>
      <c r="F7" s="40">
        <v>921837</v>
      </c>
      <c r="G7" s="41">
        <v>1952356</v>
      </c>
      <c r="H7" s="41">
        <v>910614</v>
      </c>
      <c r="I7" s="71">
        <v>1041742</v>
      </c>
      <c r="J7" s="42">
        <v>885848</v>
      </c>
      <c r="K7" s="43">
        <v>1913545</v>
      </c>
      <c r="L7" s="43">
        <v>896850</v>
      </c>
      <c r="M7" s="44">
        <v>1016695</v>
      </c>
      <c r="N7" s="42">
        <v>837367</v>
      </c>
      <c r="O7" s="43">
        <v>1880863</v>
      </c>
      <c r="P7" s="43">
        <v>889054</v>
      </c>
      <c r="Q7" s="44">
        <v>991809</v>
      </c>
      <c r="R7" s="45">
        <v>781948</v>
      </c>
      <c r="S7" s="43">
        <v>1822368</v>
      </c>
      <c r="T7" s="43">
        <v>868883</v>
      </c>
      <c r="U7" s="46">
        <v>953485</v>
      </c>
      <c r="V7" s="42">
        <v>718473</v>
      </c>
      <c r="W7" s="43">
        <v>1757025</v>
      </c>
      <c r="X7" s="43">
        <v>843170</v>
      </c>
      <c r="Y7" s="44">
        <v>913855</v>
      </c>
      <c r="Z7" s="45">
        <v>646647</v>
      </c>
      <c r="AA7" s="43">
        <v>1671742</v>
      </c>
      <c r="AB7" s="43">
        <v>809185</v>
      </c>
      <c r="AC7" s="46">
        <v>862557</v>
      </c>
      <c r="AD7" s="42">
        <v>566287</v>
      </c>
      <c r="AE7" s="43">
        <v>1542979</v>
      </c>
      <c r="AF7" s="43">
        <v>753216</v>
      </c>
      <c r="AG7" s="44">
        <v>789763</v>
      </c>
      <c r="AH7" s="45">
        <v>478279</v>
      </c>
      <c r="AI7" s="43">
        <v>1401757</v>
      </c>
      <c r="AJ7" s="43">
        <v>691057</v>
      </c>
      <c r="AK7" s="47">
        <v>710700</v>
      </c>
      <c r="AL7" s="22"/>
      <c r="AM7" s="22"/>
      <c r="AN7" s="23"/>
      <c r="AO7" s="23"/>
      <c r="AP7" s="23"/>
    </row>
    <row r="8" spans="1:42" ht="18" customHeight="1" x14ac:dyDescent="0.2">
      <c r="A8" s="78" t="s">
        <v>17</v>
      </c>
      <c r="B8" s="10">
        <v>121793</v>
      </c>
      <c r="C8" s="11">
        <v>251084</v>
      </c>
      <c r="D8" s="11">
        <v>113965</v>
      </c>
      <c r="E8" s="70">
        <v>137119</v>
      </c>
      <c r="F8" s="10">
        <v>123950</v>
      </c>
      <c r="G8" s="11">
        <v>265979</v>
      </c>
      <c r="H8" s="11">
        <v>120376</v>
      </c>
      <c r="I8" s="70">
        <v>145603</v>
      </c>
      <c r="J8" s="33">
        <v>126180</v>
      </c>
      <c r="K8" s="34">
        <v>279127</v>
      </c>
      <c r="L8" s="34">
        <v>127046</v>
      </c>
      <c r="M8" s="38">
        <v>152081</v>
      </c>
      <c r="N8" s="33">
        <v>128411</v>
      </c>
      <c r="O8" s="34">
        <v>294264</v>
      </c>
      <c r="P8" s="34">
        <v>134868</v>
      </c>
      <c r="Q8" s="38">
        <v>159396</v>
      </c>
      <c r="R8" s="36">
        <v>121779</v>
      </c>
      <c r="S8" s="34">
        <v>287637</v>
      </c>
      <c r="T8" s="34">
        <v>131725</v>
      </c>
      <c r="U8" s="37">
        <v>155912</v>
      </c>
      <c r="V8" s="33">
        <v>119277</v>
      </c>
      <c r="W8" s="34">
        <v>298881</v>
      </c>
      <c r="X8" s="34">
        <v>137305</v>
      </c>
      <c r="Y8" s="38">
        <v>161576</v>
      </c>
      <c r="Z8" s="36">
        <v>114093</v>
      </c>
      <c r="AA8" s="34">
        <v>307249</v>
      </c>
      <c r="AB8" s="34">
        <v>141771</v>
      </c>
      <c r="AC8" s="37">
        <v>165478</v>
      </c>
      <c r="AD8" s="33">
        <v>110703</v>
      </c>
      <c r="AE8" s="34">
        <v>319194</v>
      </c>
      <c r="AF8" s="34">
        <v>149253</v>
      </c>
      <c r="AG8" s="38">
        <v>169941</v>
      </c>
      <c r="AH8" s="36">
        <v>102609</v>
      </c>
      <c r="AI8" s="34">
        <v>320154</v>
      </c>
      <c r="AJ8" s="34">
        <v>151468</v>
      </c>
      <c r="AK8" s="39">
        <v>168686</v>
      </c>
      <c r="AL8" s="22"/>
      <c r="AM8" s="22"/>
      <c r="AN8" s="23"/>
      <c r="AO8" s="23"/>
      <c r="AP8" s="23"/>
    </row>
    <row r="9" spans="1:42" ht="18" customHeight="1" x14ac:dyDescent="0.2">
      <c r="A9" s="77" t="s">
        <v>18</v>
      </c>
      <c r="B9" s="40">
        <v>52817</v>
      </c>
      <c r="C9" s="41">
        <v>111299</v>
      </c>
      <c r="D9" s="41">
        <v>50136</v>
      </c>
      <c r="E9" s="71">
        <v>61163</v>
      </c>
      <c r="F9" s="40">
        <v>55466</v>
      </c>
      <c r="G9" s="41">
        <v>121924</v>
      </c>
      <c r="H9" s="41">
        <v>54985</v>
      </c>
      <c r="I9" s="71">
        <v>66939</v>
      </c>
      <c r="J9" s="42">
        <v>57711</v>
      </c>
      <c r="K9" s="43">
        <v>131928</v>
      </c>
      <c r="L9" s="43">
        <v>59514</v>
      </c>
      <c r="M9" s="44">
        <v>72414</v>
      </c>
      <c r="N9" s="42">
        <v>60400</v>
      </c>
      <c r="O9" s="43">
        <v>142161</v>
      </c>
      <c r="P9" s="43">
        <v>64436</v>
      </c>
      <c r="Q9" s="44">
        <v>77725</v>
      </c>
      <c r="R9" s="45">
        <v>61471</v>
      </c>
      <c r="S9" s="43">
        <v>150687</v>
      </c>
      <c r="T9" s="43">
        <v>68687</v>
      </c>
      <c r="U9" s="46">
        <v>82000</v>
      </c>
      <c r="V9" s="42">
        <v>60416</v>
      </c>
      <c r="W9" s="43">
        <v>157022</v>
      </c>
      <c r="X9" s="43">
        <v>71914</v>
      </c>
      <c r="Y9" s="44">
        <v>85108</v>
      </c>
      <c r="Z9" s="45">
        <v>58932</v>
      </c>
      <c r="AA9" s="43">
        <v>163211</v>
      </c>
      <c r="AB9" s="43">
        <v>75453</v>
      </c>
      <c r="AC9" s="46">
        <v>87758</v>
      </c>
      <c r="AD9" s="42">
        <v>58763</v>
      </c>
      <c r="AE9" s="43">
        <v>172486</v>
      </c>
      <c r="AF9" s="43">
        <v>80170</v>
      </c>
      <c r="AG9" s="44">
        <v>92316</v>
      </c>
      <c r="AH9" s="45">
        <v>56647</v>
      </c>
      <c r="AI9" s="43">
        <v>180728</v>
      </c>
      <c r="AJ9" s="43">
        <v>84981</v>
      </c>
      <c r="AK9" s="47">
        <v>95747</v>
      </c>
      <c r="AL9" s="22"/>
      <c r="AM9" s="22"/>
      <c r="AN9" s="23"/>
      <c r="AO9" s="23"/>
      <c r="AP9" s="23"/>
    </row>
    <row r="10" spans="1:42" ht="18" customHeight="1" x14ac:dyDescent="0.2">
      <c r="A10" s="78" t="s">
        <v>19</v>
      </c>
      <c r="B10" s="10">
        <v>156195</v>
      </c>
      <c r="C10" s="11">
        <v>329306</v>
      </c>
      <c r="D10" s="11">
        <v>152108</v>
      </c>
      <c r="E10" s="70">
        <v>177198</v>
      </c>
      <c r="F10" s="10">
        <v>155747</v>
      </c>
      <c r="G10" s="11">
        <v>339605</v>
      </c>
      <c r="H10" s="11">
        <v>156402</v>
      </c>
      <c r="I10" s="70">
        <v>183203</v>
      </c>
      <c r="J10" s="33">
        <v>154393</v>
      </c>
      <c r="K10" s="34">
        <v>347095</v>
      </c>
      <c r="L10" s="34">
        <v>160094</v>
      </c>
      <c r="M10" s="38">
        <v>187001</v>
      </c>
      <c r="N10" s="33">
        <v>150384</v>
      </c>
      <c r="O10" s="34">
        <v>355004</v>
      </c>
      <c r="P10" s="34">
        <v>165387</v>
      </c>
      <c r="Q10" s="38">
        <v>189617</v>
      </c>
      <c r="R10" s="36">
        <v>146400</v>
      </c>
      <c r="S10" s="34">
        <v>359536</v>
      </c>
      <c r="T10" s="34">
        <v>169465</v>
      </c>
      <c r="U10" s="37">
        <v>190071</v>
      </c>
      <c r="V10" s="33">
        <v>138350</v>
      </c>
      <c r="W10" s="34">
        <v>360568</v>
      </c>
      <c r="X10" s="34">
        <v>170759</v>
      </c>
      <c r="Y10" s="38">
        <v>189809</v>
      </c>
      <c r="Z10" s="36">
        <v>128924</v>
      </c>
      <c r="AA10" s="34">
        <v>359071</v>
      </c>
      <c r="AB10" s="34">
        <v>171182</v>
      </c>
      <c r="AC10" s="37">
        <v>187889</v>
      </c>
      <c r="AD10" s="33">
        <v>123280</v>
      </c>
      <c r="AE10" s="34">
        <v>363631</v>
      </c>
      <c r="AF10" s="34">
        <v>175268</v>
      </c>
      <c r="AG10" s="38">
        <v>188363</v>
      </c>
      <c r="AH10" s="36">
        <v>112246</v>
      </c>
      <c r="AI10" s="34">
        <v>352619</v>
      </c>
      <c r="AJ10" s="34">
        <v>171435</v>
      </c>
      <c r="AK10" s="39">
        <v>181184</v>
      </c>
      <c r="AL10" s="22"/>
      <c r="AM10" s="22"/>
      <c r="AN10" s="23"/>
      <c r="AO10" s="23"/>
      <c r="AP10" s="23"/>
    </row>
    <row r="11" spans="1:42" ht="18" customHeight="1" x14ac:dyDescent="0.2">
      <c r="A11" s="77" t="s">
        <v>20</v>
      </c>
      <c r="B11" s="40">
        <v>41766</v>
      </c>
      <c r="C11" s="41">
        <v>82383</v>
      </c>
      <c r="D11" s="41">
        <v>40390</v>
      </c>
      <c r="E11" s="71">
        <v>41993</v>
      </c>
      <c r="F11" s="40">
        <v>43616</v>
      </c>
      <c r="G11" s="41">
        <v>88564</v>
      </c>
      <c r="H11" s="41">
        <v>43143</v>
      </c>
      <c r="I11" s="71">
        <v>45421</v>
      </c>
      <c r="J11" s="42">
        <v>45029</v>
      </c>
      <c r="K11" s="43">
        <v>94535</v>
      </c>
      <c r="L11" s="43">
        <v>46074</v>
      </c>
      <c r="M11" s="44">
        <v>48461</v>
      </c>
      <c r="N11" s="42">
        <v>45266</v>
      </c>
      <c r="O11" s="43">
        <v>98372</v>
      </c>
      <c r="P11" s="43">
        <v>47518</v>
      </c>
      <c r="Q11" s="44">
        <v>50854</v>
      </c>
      <c r="R11" s="45">
        <v>45759</v>
      </c>
      <c r="S11" s="43">
        <v>103278</v>
      </c>
      <c r="T11" s="43">
        <v>50024</v>
      </c>
      <c r="U11" s="46">
        <v>53254</v>
      </c>
      <c r="V11" s="42">
        <v>45999</v>
      </c>
      <c r="W11" s="43">
        <v>109766</v>
      </c>
      <c r="X11" s="43">
        <v>53573</v>
      </c>
      <c r="Y11" s="44">
        <v>56193</v>
      </c>
      <c r="Z11" s="45">
        <v>45261</v>
      </c>
      <c r="AA11" s="43">
        <v>117855</v>
      </c>
      <c r="AB11" s="43">
        <v>56948</v>
      </c>
      <c r="AC11" s="46">
        <v>60907</v>
      </c>
      <c r="AD11" s="42">
        <v>47743</v>
      </c>
      <c r="AE11" s="43">
        <v>136208</v>
      </c>
      <c r="AF11" s="43">
        <v>66368</v>
      </c>
      <c r="AG11" s="44">
        <v>69840</v>
      </c>
      <c r="AH11" s="45">
        <v>47253</v>
      </c>
      <c r="AI11" s="43">
        <v>150199</v>
      </c>
      <c r="AJ11" s="43">
        <v>74347</v>
      </c>
      <c r="AK11" s="47">
        <v>75852</v>
      </c>
      <c r="AL11" s="22"/>
      <c r="AM11" s="22"/>
      <c r="AN11" s="23"/>
      <c r="AO11" s="23"/>
      <c r="AP11" s="23"/>
    </row>
    <row r="12" spans="1:42" ht="18" customHeight="1" x14ac:dyDescent="0.2">
      <c r="A12" s="78" t="s">
        <v>21</v>
      </c>
      <c r="B12" s="10">
        <v>80349</v>
      </c>
      <c r="C12" s="11">
        <v>165077</v>
      </c>
      <c r="D12" s="11">
        <v>77506</v>
      </c>
      <c r="E12" s="70">
        <v>87571</v>
      </c>
      <c r="F12" s="10">
        <v>82078</v>
      </c>
      <c r="G12" s="11">
        <v>174742</v>
      </c>
      <c r="H12" s="11">
        <v>82185</v>
      </c>
      <c r="I12" s="70">
        <v>92557</v>
      </c>
      <c r="J12" s="33">
        <v>81015</v>
      </c>
      <c r="K12" s="34">
        <v>181169</v>
      </c>
      <c r="L12" s="34">
        <v>85474</v>
      </c>
      <c r="M12" s="38">
        <v>95695</v>
      </c>
      <c r="N12" s="33">
        <v>78230</v>
      </c>
      <c r="O12" s="34">
        <v>181516</v>
      </c>
      <c r="P12" s="34">
        <v>86007</v>
      </c>
      <c r="Q12" s="38">
        <v>95509</v>
      </c>
      <c r="R12" s="36">
        <v>79796</v>
      </c>
      <c r="S12" s="34">
        <v>191739</v>
      </c>
      <c r="T12" s="34">
        <v>91694</v>
      </c>
      <c r="U12" s="37">
        <v>100045</v>
      </c>
      <c r="V12" s="33">
        <v>77580</v>
      </c>
      <c r="W12" s="34">
        <v>199323</v>
      </c>
      <c r="X12" s="34">
        <v>95994</v>
      </c>
      <c r="Y12" s="38">
        <v>103329</v>
      </c>
      <c r="Z12" s="36">
        <v>74251</v>
      </c>
      <c r="AA12" s="34">
        <v>205639</v>
      </c>
      <c r="AB12" s="34">
        <v>99179</v>
      </c>
      <c r="AC12" s="37">
        <v>106460</v>
      </c>
      <c r="AD12" s="33">
        <v>72243</v>
      </c>
      <c r="AE12" s="34">
        <v>214541</v>
      </c>
      <c r="AF12" s="34">
        <v>104546</v>
      </c>
      <c r="AG12" s="38">
        <v>109995</v>
      </c>
      <c r="AH12" s="36">
        <v>67196</v>
      </c>
      <c r="AI12" s="34">
        <v>214694</v>
      </c>
      <c r="AJ12" s="34">
        <v>105376</v>
      </c>
      <c r="AK12" s="39">
        <v>109318</v>
      </c>
      <c r="AL12" s="22"/>
      <c r="AM12" s="22"/>
      <c r="AN12" s="23"/>
      <c r="AO12" s="23"/>
      <c r="AP12" s="23"/>
    </row>
    <row r="13" spans="1:42" ht="18" customHeight="1" x14ac:dyDescent="0.2">
      <c r="A13" s="77" t="s">
        <v>22</v>
      </c>
      <c r="B13" s="40">
        <v>80175</v>
      </c>
      <c r="C13" s="41">
        <v>166536</v>
      </c>
      <c r="D13" s="41">
        <v>79623</v>
      </c>
      <c r="E13" s="71">
        <v>86913</v>
      </c>
      <c r="F13" s="40">
        <v>77707</v>
      </c>
      <c r="G13" s="41">
        <v>169327</v>
      </c>
      <c r="H13" s="41">
        <v>80994</v>
      </c>
      <c r="I13" s="71">
        <v>88333</v>
      </c>
      <c r="J13" s="42">
        <v>75474</v>
      </c>
      <c r="K13" s="43">
        <v>168057</v>
      </c>
      <c r="L13" s="43">
        <v>80584</v>
      </c>
      <c r="M13" s="44">
        <v>87473</v>
      </c>
      <c r="N13" s="42">
        <v>73629</v>
      </c>
      <c r="O13" s="43">
        <v>170580</v>
      </c>
      <c r="P13" s="43">
        <v>81906</v>
      </c>
      <c r="Q13" s="44">
        <v>88674</v>
      </c>
      <c r="R13" s="45">
        <v>70894</v>
      </c>
      <c r="S13" s="43">
        <v>173030</v>
      </c>
      <c r="T13" s="43">
        <v>83705</v>
      </c>
      <c r="U13" s="46">
        <v>89325</v>
      </c>
      <c r="V13" s="42">
        <v>66687</v>
      </c>
      <c r="W13" s="43">
        <v>171715</v>
      </c>
      <c r="X13" s="43">
        <v>83079</v>
      </c>
      <c r="Y13" s="44">
        <v>88636</v>
      </c>
      <c r="Z13" s="45">
        <v>60431</v>
      </c>
      <c r="AA13" s="43">
        <v>167384</v>
      </c>
      <c r="AB13" s="43">
        <v>81027</v>
      </c>
      <c r="AC13" s="46">
        <v>86357</v>
      </c>
      <c r="AD13" s="42">
        <v>56027</v>
      </c>
      <c r="AE13" s="43">
        <v>162932</v>
      </c>
      <c r="AF13" s="43">
        <v>79721</v>
      </c>
      <c r="AG13" s="44">
        <v>83211</v>
      </c>
      <c r="AH13" s="45">
        <v>49241</v>
      </c>
      <c r="AI13" s="43">
        <v>153861</v>
      </c>
      <c r="AJ13" s="43">
        <v>75628</v>
      </c>
      <c r="AK13" s="47">
        <v>78233</v>
      </c>
      <c r="AL13" s="22"/>
      <c r="AM13" s="22"/>
      <c r="AN13" s="23"/>
      <c r="AO13" s="23"/>
      <c r="AP13" s="23"/>
    </row>
    <row r="14" spans="1:42" ht="18" customHeight="1" x14ac:dyDescent="0.2">
      <c r="A14" s="78" t="s">
        <v>23</v>
      </c>
      <c r="B14" s="10">
        <v>55188</v>
      </c>
      <c r="C14" s="11">
        <v>115480</v>
      </c>
      <c r="D14" s="11">
        <v>54729</v>
      </c>
      <c r="E14" s="70">
        <v>60751</v>
      </c>
      <c r="F14" s="10">
        <v>56202</v>
      </c>
      <c r="G14" s="11">
        <v>121226</v>
      </c>
      <c r="H14" s="11">
        <v>58020</v>
      </c>
      <c r="I14" s="70">
        <v>63206</v>
      </c>
      <c r="J14" s="33">
        <v>56012</v>
      </c>
      <c r="K14" s="34">
        <v>125689</v>
      </c>
      <c r="L14" s="34">
        <v>60171</v>
      </c>
      <c r="M14" s="38">
        <v>65518</v>
      </c>
      <c r="N14" s="33">
        <v>48358</v>
      </c>
      <c r="O14" s="34">
        <v>110715</v>
      </c>
      <c r="P14" s="34">
        <v>53484</v>
      </c>
      <c r="Q14" s="38">
        <v>57231</v>
      </c>
      <c r="R14" s="36">
        <v>46759</v>
      </c>
      <c r="S14" s="34">
        <v>112040</v>
      </c>
      <c r="T14" s="34">
        <v>54609</v>
      </c>
      <c r="U14" s="37">
        <v>57431</v>
      </c>
      <c r="V14" s="33">
        <v>43315</v>
      </c>
      <c r="W14" s="34">
        <v>110452</v>
      </c>
      <c r="X14" s="34">
        <v>54040</v>
      </c>
      <c r="Y14" s="38">
        <v>56412</v>
      </c>
      <c r="Z14" s="36">
        <v>39383</v>
      </c>
      <c r="AA14" s="34">
        <v>107247</v>
      </c>
      <c r="AB14" s="34">
        <v>52062</v>
      </c>
      <c r="AC14" s="37">
        <v>55185</v>
      </c>
      <c r="AD14" s="33">
        <v>37139</v>
      </c>
      <c r="AE14" s="34">
        <v>107281</v>
      </c>
      <c r="AF14" s="34">
        <v>52156</v>
      </c>
      <c r="AG14" s="38">
        <v>55125</v>
      </c>
      <c r="AH14" s="36">
        <v>32164</v>
      </c>
      <c r="AI14" s="34">
        <v>102915</v>
      </c>
      <c r="AJ14" s="34">
        <v>51032</v>
      </c>
      <c r="AK14" s="39">
        <v>51883</v>
      </c>
      <c r="AL14" s="22"/>
      <c r="AM14" s="22"/>
      <c r="AN14" s="23"/>
      <c r="AO14" s="23"/>
      <c r="AP14" s="23"/>
    </row>
    <row r="15" spans="1:42" ht="18" customHeight="1" x14ac:dyDescent="0.2">
      <c r="A15" s="77" t="s">
        <v>24</v>
      </c>
      <c r="B15" s="40">
        <v>3807</v>
      </c>
      <c r="C15" s="41">
        <v>7334</v>
      </c>
      <c r="D15" s="41">
        <v>3381</v>
      </c>
      <c r="E15" s="71">
        <v>3953</v>
      </c>
      <c r="F15" s="40">
        <v>4539</v>
      </c>
      <c r="G15" s="41">
        <v>8843</v>
      </c>
      <c r="H15" s="41">
        <v>4092</v>
      </c>
      <c r="I15" s="71">
        <v>4751</v>
      </c>
      <c r="J15" s="42">
        <v>5558</v>
      </c>
      <c r="K15" s="43">
        <v>10922</v>
      </c>
      <c r="L15" s="43">
        <v>5179</v>
      </c>
      <c r="M15" s="44">
        <v>5743</v>
      </c>
      <c r="N15" s="42">
        <v>6275</v>
      </c>
      <c r="O15" s="43">
        <v>13001</v>
      </c>
      <c r="P15" s="43">
        <v>6114</v>
      </c>
      <c r="Q15" s="44">
        <v>6887</v>
      </c>
      <c r="R15" s="45">
        <v>6878</v>
      </c>
      <c r="S15" s="43">
        <v>14791</v>
      </c>
      <c r="T15" s="43">
        <v>6952</v>
      </c>
      <c r="U15" s="46">
        <v>7839</v>
      </c>
      <c r="V15" s="42">
        <v>7593</v>
      </c>
      <c r="W15" s="43">
        <v>17116</v>
      </c>
      <c r="X15" s="43">
        <v>8127</v>
      </c>
      <c r="Y15" s="44">
        <v>8989</v>
      </c>
      <c r="Z15" s="45">
        <v>8791</v>
      </c>
      <c r="AA15" s="43">
        <v>20969</v>
      </c>
      <c r="AB15" s="43">
        <v>10078</v>
      </c>
      <c r="AC15" s="46">
        <v>10891</v>
      </c>
      <c r="AD15" s="42">
        <v>12152</v>
      </c>
      <c r="AE15" s="43">
        <v>31665</v>
      </c>
      <c r="AF15" s="43">
        <v>15628</v>
      </c>
      <c r="AG15" s="44">
        <v>16037</v>
      </c>
      <c r="AH15" s="45">
        <v>14239</v>
      </c>
      <c r="AI15" s="43">
        <v>41715</v>
      </c>
      <c r="AJ15" s="43">
        <v>20715</v>
      </c>
      <c r="AK15" s="47">
        <v>21000</v>
      </c>
      <c r="AL15" s="22"/>
      <c r="AM15" s="22"/>
      <c r="AN15" s="23"/>
      <c r="AO15" s="23"/>
      <c r="AP15" s="23"/>
    </row>
    <row r="16" spans="1:42" ht="18" customHeight="1" x14ac:dyDescent="0.2">
      <c r="A16" s="78" t="s">
        <v>25</v>
      </c>
      <c r="B16" s="10">
        <v>35584</v>
      </c>
      <c r="C16" s="11">
        <v>79306</v>
      </c>
      <c r="D16" s="11">
        <v>37105</v>
      </c>
      <c r="E16" s="70">
        <v>42201</v>
      </c>
      <c r="F16" s="10">
        <v>36155</v>
      </c>
      <c r="G16" s="11">
        <v>84499</v>
      </c>
      <c r="H16" s="11">
        <v>39319</v>
      </c>
      <c r="I16" s="70">
        <v>45180</v>
      </c>
      <c r="J16" s="33">
        <v>36723</v>
      </c>
      <c r="K16" s="34">
        <v>90145</v>
      </c>
      <c r="L16" s="34">
        <v>42111</v>
      </c>
      <c r="M16" s="38">
        <v>48034</v>
      </c>
      <c r="N16" s="33">
        <v>33671</v>
      </c>
      <c r="O16" s="34">
        <v>83202</v>
      </c>
      <c r="P16" s="34">
        <v>39194</v>
      </c>
      <c r="Q16" s="38">
        <v>44008</v>
      </c>
      <c r="R16" s="36">
        <v>33168</v>
      </c>
      <c r="S16" s="34">
        <v>85029</v>
      </c>
      <c r="T16" s="34">
        <v>40190</v>
      </c>
      <c r="U16" s="37">
        <v>44839</v>
      </c>
      <c r="V16" s="33">
        <v>31979</v>
      </c>
      <c r="W16" s="34">
        <v>85125</v>
      </c>
      <c r="X16" s="34">
        <v>40510</v>
      </c>
      <c r="Y16" s="38">
        <v>44615</v>
      </c>
      <c r="Z16" s="36">
        <v>28599</v>
      </c>
      <c r="AA16" s="34">
        <v>80417</v>
      </c>
      <c r="AB16" s="34">
        <v>38351</v>
      </c>
      <c r="AC16" s="37">
        <v>42066</v>
      </c>
      <c r="AD16" s="33">
        <v>27819</v>
      </c>
      <c r="AE16" s="34">
        <v>81664</v>
      </c>
      <c r="AF16" s="34">
        <v>39830</v>
      </c>
      <c r="AG16" s="38">
        <v>41834</v>
      </c>
      <c r="AH16" s="36">
        <v>24672</v>
      </c>
      <c r="AI16" s="34">
        <v>78311</v>
      </c>
      <c r="AJ16" s="34">
        <v>38407</v>
      </c>
      <c r="AK16" s="39">
        <v>39904</v>
      </c>
      <c r="AL16" s="22"/>
      <c r="AM16" s="22"/>
      <c r="AN16" s="23"/>
      <c r="AO16" s="23"/>
      <c r="AP16" s="23"/>
    </row>
    <row r="17" spans="1:42" ht="18" customHeight="1" x14ac:dyDescent="0.2">
      <c r="A17" s="77" t="s">
        <v>26</v>
      </c>
      <c r="B17" s="40">
        <v>17253</v>
      </c>
      <c r="C17" s="41">
        <v>35759</v>
      </c>
      <c r="D17" s="41">
        <v>18060</v>
      </c>
      <c r="E17" s="71">
        <v>17699</v>
      </c>
      <c r="F17" s="40">
        <v>18035</v>
      </c>
      <c r="G17" s="41">
        <v>39077</v>
      </c>
      <c r="H17" s="41">
        <v>19819</v>
      </c>
      <c r="I17" s="71">
        <v>19258</v>
      </c>
      <c r="J17" s="42">
        <v>18112</v>
      </c>
      <c r="K17" s="43">
        <v>40998</v>
      </c>
      <c r="L17" s="43">
        <v>20981</v>
      </c>
      <c r="M17" s="44">
        <v>20017</v>
      </c>
      <c r="N17" s="42">
        <v>17982</v>
      </c>
      <c r="O17" s="43">
        <v>42045</v>
      </c>
      <c r="P17" s="43">
        <v>21204</v>
      </c>
      <c r="Q17" s="44">
        <v>20841</v>
      </c>
      <c r="R17" s="45">
        <v>18012</v>
      </c>
      <c r="S17" s="43">
        <v>43395</v>
      </c>
      <c r="T17" s="43">
        <v>21787</v>
      </c>
      <c r="U17" s="46">
        <v>21608</v>
      </c>
      <c r="V17" s="42">
        <v>17469</v>
      </c>
      <c r="W17" s="43">
        <v>44176</v>
      </c>
      <c r="X17" s="43">
        <v>22279</v>
      </c>
      <c r="Y17" s="44">
        <v>21897</v>
      </c>
      <c r="Z17" s="45">
        <v>15838</v>
      </c>
      <c r="AA17" s="43">
        <v>44416</v>
      </c>
      <c r="AB17" s="43">
        <v>22021</v>
      </c>
      <c r="AC17" s="46">
        <v>22395</v>
      </c>
      <c r="AD17" s="42">
        <v>14810</v>
      </c>
      <c r="AE17" s="43">
        <v>44283</v>
      </c>
      <c r="AF17" s="43">
        <v>21838</v>
      </c>
      <c r="AG17" s="44">
        <v>22445</v>
      </c>
      <c r="AH17" s="45">
        <v>13761</v>
      </c>
      <c r="AI17" s="43">
        <v>44777</v>
      </c>
      <c r="AJ17" s="43">
        <v>22076</v>
      </c>
      <c r="AK17" s="47">
        <v>22701</v>
      </c>
      <c r="AL17" s="22"/>
      <c r="AM17" s="22"/>
      <c r="AN17" s="23"/>
      <c r="AO17" s="23"/>
      <c r="AP17" s="23"/>
    </row>
    <row r="18" spans="1:42" ht="18" customHeight="1" x14ac:dyDescent="0.2">
      <c r="A18" s="78" t="s">
        <v>27</v>
      </c>
      <c r="B18" s="10">
        <v>9816</v>
      </c>
      <c r="C18" s="11">
        <v>20114</v>
      </c>
      <c r="D18" s="11">
        <v>9649</v>
      </c>
      <c r="E18" s="70">
        <v>10465</v>
      </c>
      <c r="F18" s="10">
        <v>10402</v>
      </c>
      <c r="G18" s="11">
        <v>22221</v>
      </c>
      <c r="H18" s="11">
        <v>10516</v>
      </c>
      <c r="I18" s="70">
        <v>11705</v>
      </c>
      <c r="J18" s="33">
        <v>11044</v>
      </c>
      <c r="K18" s="34">
        <v>24457</v>
      </c>
      <c r="L18" s="34">
        <v>11679</v>
      </c>
      <c r="M18" s="38">
        <v>12778</v>
      </c>
      <c r="N18" s="33">
        <v>11666</v>
      </c>
      <c r="O18" s="34">
        <v>26826</v>
      </c>
      <c r="P18" s="34">
        <v>12959</v>
      </c>
      <c r="Q18" s="38">
        <v>13867</v>
      </c>
      <c r="R18" s="36">
        <v>11767</v>
      </c>
      <c r="S18" s="34">
        <v>28325</v>
      </c>
      <c r="T18" s="34">
        <v>13679</v>
      </c>
      <c r="U18" s="37">
        <v>14646</v>
      </c>
      <c r="V18" s="33">
        <v>11624</v>
      </c>
      <c r="W18" s="34">
        <v>30060</v>
      </c>
      <c r="X18" s="34">
        <v>14486</v>
      </c>
      <c r="Y18" s="38">
        <v>15574</v>
      </c>
      <c r="Z18" s="36">
        <v>11716</v>
      </c>
      <c r="AA18" s="34">
        <v>32429</v>
      </c>
      <c r="AB18" s="34">
        <v>15722</v>
      </c>
      <c r="AC18" s="37">
        <v>16707</v>
      </c>
      <c r="AD18" s="33">
        <v>12009</v>
      </c>
      <c r="AE18" s="34">
        <v>35542</v>
      </c>
      <c r="AF18" s="34">
        <v>17249</v>
      </c>
      <c r="AG18" s="38">
        <v>18293</v>
      </c>
      <c r="AH18" s="36">
        <v>11507</v>
      </c>
      <c r="AI18" s="34">
        <v>36626</v>
      </c>
      <c r="AJ18" s="34">
        <v>17743</v>
      </c>
      <c r="AK18" s="39">
        <v>18883</v>
      </c>
      <c r="AL18" s="22"/>
      <c r="AM18" s="22"/>
      <c r="AN18" s="23"/>
      <c r="AO18" s="23"/>
      <c r="AP18" s="23"/>
    </row>
    <row r="19" spans="1:42" ht="18" customHeight="1" x14ac:dyDescent="0.2">
      <c r="A19" s="77" t="s">
        <v>28</v>
      </c>
      <c r="B19" s="40">
        <v>80130</v>
      </c>
      <c r="C19" s="41">
        <v>170113</v>
      </c>
      <c r="D19" s="41">
        <v>83522</v>
      </c>
      <c r="E19" s="71">
        <v>86591</v>
      </c>
      <c r="F19" s="40">
        <v>78298</v>
      </c>
      <c r="G19" s="41">
        <v>172737</v>
      </c>
      <c r="H19" s="41">
        <v>84605</v>
      </c>
      <c r="I19" s="71">
        <v>88132</v>
      </c>
      <c r="J19" s="42">
        <v>76289</v>
      </c>
      <c r="K19" s="43">
        <v>173320</v>
      </c>
      <c r="L19" s="43">
        <v>84687</v>
      </c>
      <c r="M19" s="44">
        <v>88633</v>
      </c>
      <c r="N19" s="42">
        <v>72845</v>
      </c>
      <c r="O19" s="43">
        <v>172758</v>
      </c>
      <c r="P19" s="43">
        <v>83935</v>
      </c>
      <c r="Q19" s="44">
        <v>88823</v>
      </c>
      <c r="R19" s="45">
        <v>70368</v>
      </c>
      <c r="S19" s="43">
        <v>172086</v>
      </c>
      <c r="T19" s="43">
        <v>84105</v>
      </c>
      <c r="U19" s="46">
        <v>87981</v>
      </c>
      <c r="V19" s="42">
        <v>65517</v>
      </c>
      <c r="W19" s="43">
        <v>169328</v>
      </c>
      <c r="X19" s="43">
        <v>82654</v>
      </c>
      <c r="Y19" s="44">
        <v>86674</v>
      </c>
      <c r="Z19" s="45">
        <v>58132</v>
      </c>
      <c r="AA19" s="43">
        <v>160118</v>
      </c>
      <c r="AB19" s="43">
        <v>77873</v>
      </c>
      <c r="AC19" s="46">
        <v>82245</v>
      </c>
      <c r="AD19" s="42">
        <v>54438</v>
      </c>
      <c r="AE19" s="43">
        <v>158061</v>
      </c>
      <c r="AF19" s="43">
        <v>77656</v>
      </c>
      <c r="AG19" s="44">
        <v>80405</v>
      </c>
      <c r="AH19" s="45">
        <v>47834</v>
      </c>
      <c r="AI19" s="43">
        <v>151967</v>
      </c>
      <c r="AJ19" s="43">
        <v>76000</v>
      </c>
      <c r="AK19" s="47">
        <v>75967</v>
      </c>
      <c r="AL19" s="22"/>
      <c r="AM19" s="22"/>
      <c r="AN19" s="23"/>
      <c r="AO19" s="23"/>
      <c r="AP19" s="23"/>
    </row>
    <row r="20" spans="1:42" ht="18" customHeight="1" x14ac:dyDescent="0.2">
      <c r="A20" s="78" t="s">
        <v>29</v>
      </c>
      <c r="B20" s="10">
        <v>16060</v>
      </c>
      <c r="C20" s="11">
        <v>33563</v>
      </c>
      <c r="D20" s="11">
        <v>16651</v>
      </c>
      <c r="E20" s="70">
        <v>16912</v>
      </c>
      <c r="F20" s="10">
        <v>16486</v>
      </c>
      <c r="G20" s="11">
        <v>36380</v>
      </c>
      <c r="H20" s="11">
        <v>17809</v>
      </c>
      <c r="I20" s="70">
        <v>18571</v>
      </c>
      <c r="J20" s="33">
        <v>17343</v>
      </c>
      <c r="K20" s="34">
        <v>39595</v>
      </c>
      <c r="L20" s="34">
        <v>19315</v>
      </c>
      <c r="M20" s="38">
        <v>20280</v>
      </c>
      <c r="N20" s="33">
        <v>17820</v>
      </c>
      <c r="O20" s="34">
        <v>41592</v>
      </c>
      <c r="P20" s="34">
        <v>20445</v>
      </c>
      <c r="Q20" s="38">
        <v>21147</v>
      </c>
      <c r="R20" s="36">
        <v>17964</v>
      </c>
      <c r="S20" s="34">
        <v>43774</v>
      </c>
      <c r="T20" s="34">
        <v>21658</v>
      </c>
      <c r="U20" s="37">
        <v>22116</v>
      </c>
      <c r="V20" s="33">
        <v>17638</v>
      </c>
      <c r="W20" s="34">
        <v>45754</v>
      </c>
      <c r="X20" s="34">
        <v>22559</v>
      </c>
      <c r="Y20" s="38">
        <v>23195</v>
      </c>
      <c r="Z20" s="36">
        <v>17202</v>
      </c>
      <c r="AA20" s="34">
        <v>48232</v>
      </c>
      <c r="AB20" s="34">
        <v>23600</v>
      </c>
      <c r="AC20" s="37">
        <v>24632</v>
      </c>
      <c r="AD20" s="33">
        <v>17450</v>
      </c>
      <c r="AE20" s="34">
        <v>51854</v>
      </c>
      <c r="AF20" s="34">
        <v>25483</v>
      </c>
      <c r="AG20" s="38">
        <v>26371</v>
      </c>
      <c r="AH20" s="36">
        <v>16490</v>
      </c>
      <c r="AI20" s="34">
        <v>53471</v>
      </c>
      <c r="AJ20" s="34">
        <v>26397</v>
      </c>
      <c r="AK20" s="39">
        <v>27074</v>
      </c>
      <c r="AL20" s="22"/>
      <c r="AM20" s="22"/>
      <c r="AN20" s="23"/>
      <c r="AO20" s="23"/>
      <c r="AP20" s="23"/>
    </row>
    <row r="21" spans="1:42" ht="18" customHeight="1" x14ac:dyDescent="0.2">
      <c r="A21" s="77" t="s">
        <v>30</v>
      </c>
      <c r="B21" s="40">
        <v>9434</v>
      </c>
      <c r="C21" s="41">
        <v>20413</v>
      </c>
      <c r="D21" s="41">
        <v>9565</v>
      </c>
      <c r="E21" s="71">
        <v>10848</v>
      </c>
      <c r="F21" s="40">
        <v>10173</v>
      </c>
      <c r="G21" s="41">
        <v>23035</v>
      </c>
      <c r="H21" s="41">
        <v>10753</v>
      </c>
      <c r="I21" s="71">
        <v>12282</v>
      </c>
      <c r="J21" s="42">
        <v>10992</v>
      </c>
      <c r="K21" s="43">
        <v>26034</v>
      </c>
      <c r="L21" s="43">
        <v>12215</v>
      </c>
      <c r="M21" s="44">
        <v>13819</v>
      </c>
      <c r="N21" s="42">
        <v>11894</v>
      </c>
      <c r="O21" s="43">
        <v>29083</v>
      </c>
      <c r="P21" s="43">
        <v>13850</v>
      </c>
      <c r="Q21" s="44">
        <v>15233</v>
      </c>
      <c r="R21" s="45">
        <v>12437</v>
      </c>
      <c r="S21" s="43">
        <v>31183</v>
      </c>
      <c r="T21" s="43">
        <v>14952</v>
      </c>
      <c r="U21" s="46">
        <v>16231</v>
      </c>
      <c r="V21" s="42">
        <v>12771</v>
      </c>
      <c r="W21" s="43">
        <v>33434</v>
      </c>
      <c r="X21" s="43">
        <v>16145</v>
      </c>
      <c r="Y21" s="44">
        <v>17289</v>
      </c>
      <c r="Z21" s="45">
        <v>12552</v>
      </c>
      <c r="AA21" s="43">
        <v>35176</v>
      </c>
      <c r="AB21" s="43">
        <v>17002</v>
      </c>
      <c r="AC21" s="46">
        <v>18174</v>
      </c>
      <c r="AD21" s="42">
        <v>12820</v>
      </c>
      <c r="AE21" s="43">
        <v>37414</v>
      </c>
      <c r="AF21" s="43">
        <v>18459</v>
      </c>
      <c r="AG21" s="44">
        <v>18955</v>
      </c>
      <c r="AH21" s="45">
        <v>11964</v>
      </c>
      <c r="AI21" s="43">
        <v>38552</v>
      </c>
      <c r="AJ21" s="43">
        <v>18883</v>
      </c>
      <c r="AK21" s="47">
        <v>19669</v>
      </c>
      <c r="AL21" s="22"/>
      <c r="AM21" s="22"/>
      <c r="AN21" s="23"/>
      <c r="AO21" s="23"/>
      <c r="AP21" s="23"/>
    </row>
    <row r="22" spans="1:42" ht="18" customHeight="1" x14ac:dyDescent="0.2">
      <c r="A22" s="78" t="s">
        <v>31</v>
      </c>
      <c r="B22" s="10">
        <v>6055</v>
      </c>
      <c r="C22" s="11">
        <v>12555</v>
      </c>
      <c r="D22" s="11">
        <v>5762</v>
      </c>
      <c r="E22" s="70">
        <v>6793</v>
      </c>
      <c r="F22" s="10">
        <v>6862</v>
      </c>
      <c r="G22" s="11">
        <v>14676</v>
      </c>
      <c r="H22" s="11">
        <v>6667</v>
      </c>
      <c r="I22" s="70">
        <v>8009</v>
      </c>
      <c r="J22" s="33">
        <v>7526</v>
      </c>
      <c r="K22" s="34">
        <v>16628</v>
      </c>
      <c r="L22" s="34">
        <v>7585</v>
      </c>
      <c r="M22" s="38">
        <v>9043</v>
      </c>
      <c r="N22" s="33">
        <v>8222</v>
      </c>
      <c r="O22" s="34">
        <v>18899</v>
      </c>
      <c r="P22" s="34">
        <v>8714</v>
      </c>
      <c r="Q22" s="38">
        <v>10185</v>
      </c>
      <c r="R22" s="36">
        <v>8692</v>
      </c>
      <c r="S22" s="34">
        <v>21026</v>
      </c>
      <c r="T22" s="34">
        <v>9834</v>
      </c>
      <c r="U22" s="37">
        <v>11192</v>
      </c>
      <c r="V22" s="33">
        <v>9121</v>
      </c>
      <c r="W22" s="34">
        <v>22931</v>
      </c>
      <c r="X22" s="34">
        <v>10985</v>
      </c>
      <c r="Y22" s="38">
        <v>11946</v>
      </c>
      <c r="Z22" s="36">
        <v>9357</v>
      </c>
      <c r="AA22" s="34">
        <v>25078</v>
      </c>
      <c r="AB22" s="34">
        <v>11936</v>
      </c>
      <c r="AC22" s="37">
        <v>13142</v>
      </c>
      <c r="AD22" s="33">
        <v>10537</v>
      </c>
      <c r="AE22" s="34">
        <v>30017</v>
      </c>
      <c r="AF22" s="34">
        <v>14592</v>
      </c>
      <c r="AG22" s="38">
        <v>15425</v>
      </c>
      <c r="AH22" s="36">
        <v>10636</v>
      </c>
      <c r="AI22" s="34">
        <v>32946</v>
      </c>
      <c r="AJ22" s="34">
        <v>16005</v>
      </c>
      <c r="AK22" s="39">
        <v>16941</v>
      </c>
      <c r="AL22" s="22"/>
      <c r="AM22" s="22"/>
      <c r="AN22" s="23"/>
      <c r="AO22" s="23"/>
      <c r="AP22" s="23"/>
    </row>
    <row r="23" spans="1:42" ht="18" customHeight="1" x14ac:dyDescent="0.2">
      <c r="A23" s="77" t="s">
        <v>32</v>
      </c>
      <c r="B23" s="40">
        <v>53977</v>
      </c>
      <c r="C23" s="41">
        <v>121056</v>
      </c>
      <c r="D23" s="41">
        <v>57523</v>
      </c>
      <c r="E23" s="71">
        <v>63533</v>
      </c>
      <c r="F23" s="40">
        <v>51983</v>
      </c>
      <c r="G23" s="41">
        <v>120636</v>
      </c>
      <c r="H23" s="41">
        <v>57391</v>
      </c>
      <c r="I23" s="71">
        <v>63245</v>
      </c>
      <c r="J23" s="42">
        <v>51170</v>
      </c>
      <c r="K23" s="43">
        <v>123722</v>
      </c>
      <c r="L23" s="43">
        <v>59320</v>
      </c>
      <c r="M23" s="44">
        <v>64402</v>
      </c>
      <c r="N23" s="42">
        <v>50425</v>
      </c>
      <c r="O23" s="43">
        <v>125601</v>
      </c>
      <c r="P23" s="43">
        <v>60807</v>
      </c>
      <c r="Q23" s="44">
        <v>64794</v>
      </c>
      <c r="R23" s="45">
        <v>47658</v>
      </c>
      <c r="S23" s="43">
        <v>123877</v>
      </c>
      <c r="T23" s="43">
        <v>60115</v>
      </c>
      <c r="U23" s="46">
        <v>63762</v>
      </c>
      <c r="V23" s="42">
        <v>42856</v>
      </c>
      <c r="W23" s="43">
        <v>115495</v>
      </c>
      <c r="X23" s="43">
        <v>56778</v>
      </c>
      <c r="Y23" s="44">
        <v>58717</v>
      </c>
      <c r="Z23" s="45">
        <v>34421</v>
      </c>
      <c r="AA23" s="43">
        <v>97201</v>
      </c>
      <c r="AB23" s="43">
        <v>48181</v>
      </c>
      <c r="AC23" s="46">
        <v>49020</v>
      </c>
      <c r="AD23" s="42">
        <v>30431</v>
      </c>
      <c r="AE23" s="43">
        <v>90328</v>
      </c>
      <c r="AF23" s="43">
        <v>45023</v>
      </c>
      <c r="AG23" s="44">
        <v>45305</v>
      </c>
      <c r="AH23" s="45">
        <v>26890</v>
      </c>
      <c r="AI23" s="43">
        <v>86349</v>
      </c>
      <c r="AJ23" s="43">
        <v>43301</v>
      </c>
      <c r="AK23" s="47">
        <v>43048</v>
      </c>
      <c r="AL23" s="22"/>
      <c r="AM23" s="22"/>
      <c r="AN23" s="23"/>
      <c r="AO23" s="23"/>
      <c r="AP23" s="23"/>
    </row>
    <row r="24" spans="1:42" ht="18" customHeight="1" x14ac:dyDescent="0.2">
      <c r="A24" s="78" t="s">
        <v>33</v>
      </c>
      <c r="B24" s="10">
        <v>4494</v>
      </c>
      <c r="C24" s="11">
        <v>9698</v>
      </c>
      <c r="D24" s="11">
        <v>4388</v>
      </c>
      <c r="E24" s="70">
        <v>5310</v>
      </c>
      <c r="F24" s="10">
        <v>4980</v>
      </c>
      <c r="G24" s="11">
        <v>11105</v>
      </c>
      <c r="H24" s="11">
        <v>5025</v>
      </c>
      <c r="I24" s="70">
        <v>6080</v>
      </c>
      <c r="J24" s="33">
        <v>5585</v>
      </c>
      <c r="K24" s="34">
        <v>12637</v>
      </c>
      <c r="L24" s="34">
        <v>5745</v>
      </c>
      <c r="M24" s="38">
        <v>6892</v>
      </c>
      <c r="N24" s="33">
        <v>6202</v>
      </c>
      <c r="O24" s="34">
        <v>14401</v>
      </c>
      <c r="P24" s="34">
        <v>6634</v>
      </c>
      <c r="Q24" s="38">
        <v>7767</v>
      </c>
      <c r="R24" s="36">
        <v>6635</v>
      </c>
      <c r="S24" s="34">
        <v>15753</v>
      </c>
      <c r="T24" s="34">
        <v>7327</v>
      </c>
      <c r="U24" s="37">
        <v>8426</v>
      </c>
      <c r="V24" s="33">
        <v>6884</v>
      </c>
      <c r="W24" s="34">
        <v>17351</v>
      </c>
      <c r="X24" s="34">
        <v>8123</v>
      </c>
      <c r="Y24" s="38">
        <v>9228</v>
      </c>
      <c r="Z24" s="36">
        <v>7302</v>
      </c>
      <c r="AA24" s="34">
        <v>19409</v>
      </c>
      <c r="AB24" s="34">
        <v>9147</v>
      </c>
      <c r="AC24" s="37">
        <v>10262</v>
      </c>
      <c r="AD24" s="33">
        <v>8023</v>
      </c>
      <c r="AE24" s="34">
        <v>22645</v>
      </c>
      <c r="AF24" s="34">
        <v>10930</v>
      </c>
      <c r="AG24" s="38">
        <v>11715</v>
      </c>
      <c r="AH24" s="36">
        <v>8327</v>
      </c>
      <c r="AI24" s="34">
        <v>25467</v>
      </c>
      <c r="AJ24" s="34">
        <v>12451</v>
      </c>
      <c r="AK24" s="39">
        <v>13016</v>
      </c>
      <c r="AL24" s="22"/>
      <c r="AM24" s="22"/>
      <c r="AN24" s="23"/>
      <c r="AO24" s="23"/>
      <c r="AP24" s="23"/>
    </row>
    <row r="25" spans="1:42" ht="18" customHeight="1" x14ac:dyDescent="0.2">
      <c r="A25" s="77" t="s">
        <v>34</v>
      </c>
      <c r="B25" s="40">
        <v>11214</v>
      </c>
      <c r="C25" s="41">
        <v>21215</v>
      </c>
      <c r="D25" s="41">
        <v>9901</v>
      </c>
      <c r="E25" s="71">
        <v>11314</v>
      </c>
      <c r="F25" s="40">
        <v>11127</v>
      </c>
      <c r="G25" s="41">
        <v>23109</v>
      </c>
      <c r="H25" s="41">
        <v>10954</v>
      </c>
      <c r="I25" s="71">
        <v>12155</v>
      </c>
      <c r="J25" s="42">
        <v>11390</v>
      </c>
      <c r="K25" s="43">
        <v>24750</v>
      </c>
      <c r="L25" s="43">
        <v>11563</v>
      </c>
      <c r="M25" s="44">
        <v>13187</v>
      </c>
      <c r="N25" s="42">
        <v>11670</v>
      </c>
      <c r="O25" s="43">
        <v>26632</v>
      </c>
      <c r="P25" s="43">
        <v>12516</v>
      </c>
      <c r="Q25" s="44">
        <v>14116</v>
      </c>
      <c r="R25" s="45">
        <v>12085</v>
      </c>
      <c r="S25" s="43">
        <v>28476</v>
      </c>
      <c r="T25" s="43">
        <v>13754</v>
      </c>
      <c r="U25" s="46">
        <v>14722</v>
      </c>
      <c r="V25" s="42">
        <v>12386</v>
      </c>
      <c r="W25" s="43">
        <v>30137</v>
      </c>
      <c r="X25" s="43">
        <v>14873</v>
      </c>
      <c r="Y25" s="44">
        <v>15264</v>
      </c>
      <c r="Z25" s="45">
        <v>11766</v>
      </c>
      <c r="AA25" s="43">
        <v>31078</v>
      </c>
      <c r="AB25" s="43">
        <v>15269</v>
      </c>
      <c r="AC25" s="46">
        <v>15809</v>
      </c>
      <c r="AD25" s="42">
        <v>11231</v>
      </c>
      <c r="AE25" s="43">
        <v>32163</v>
      </c>
      <c r="AF25" s="43">
        <v>15625</v>
      </c>
      <c r="AG25" s="44">
        <v>16538</v>
      </c>
      <c r="AH25" s="45">
        <v>10887</v>
      </c>
      <c r="AI25" s="43">
        <v>33860</v>
      </c>
      <c r="AJ25" s="43">
        <v>16621</v>
      </c>
      <c r="AK25" s="47">
        <v>17239</v>
      </c>
      <c r="AL25" s="22"/>
      <c r="AM25" s="22"/>
      <c r="AN25" s="23"/>
      <c r="AO25" s="23"/>
      <c r="AP25" s="23"/>
    </row>
    <row r="26" spans="1:42" ht="18" customHeight="1" x14ac:dyDescent="0.2">
      <c r="A26" s="78" t="s">
        <v>35</v>
      </c>
      <c r="B26" s="10">
        <v>8184</v>
      </c>
      <c r="C26" s="11">
        <v>17858</v>
      </c>
      <c r="D26" s="11">
        <v>8416</v>
      </c>
      <c r="E26" s="70">
        <v>9442</v>
      </c>
      <c r="F26" s="10">
        <v>8650</v>
      </c>
      <c r="G26" s="11">
        <v>19914</v>
      </c>
      <c r="H26" s="11">
        <v>9382</v>
      </c>
      <c r="I26" s="70">
        <v>10532</v>
      </c>
      <c r="J26" s="33">
        <v>9100</v>
      </c>
      <c r="K26" s="34">
        <v>21787</v>
      </c>
      <c r="L26" s="34">
        <v>10205</v>
      </c>
      <c r="M26" s="38">
        <v>11582</v>
      </c>
      <c r="N26" s="33">
        <v>9398</v>
      </c>
      <c r="O26" s="34">
        <v>23411</v>
      </c>
      <c r="P26" s="34">
        <v>10978</v>
      </c>
      <c r="Q26" s="38">
        <v>12433</v>
      </c>
      <c r="R26" s="36">
        <v>8602</v>
      </c>
      <c r="S26" s="34">
        <v>23065</v>
      </c>
      <c r="T26" s="34">
        <v>10914</v>
      </c>
      <c r="U26" s="37">
        <v>12151</v>
      </c>
      <c r="V26" s="33">
        <v>8551</v>
      </c>
      <c r="W26" s="34">
        <v>24293</v>
      </c>
      <c r="X26" s="34">
        <v>11537</v>
      </c>
      <c r="Y26" s="38">
        <v>12756</v>
      </c>
      <c r="Z26" s="36">
        <v>8505</v>
      </c>
      <c r="AA26" s="34">
        <v>25754</v>
      </c>
      <c r="AB26" s="34">
        <v>12185</v>
      </c>
      <c r="AC26" s="37">
        <v>13569</v>
      </c>
      <c r="AD26" s="33">
        <v>8837</v>
      </c>
      <c r="AE26" s="34">
        <v>27719</v>
      </c>
      <c r="AF26" s="34">
        <v>13374</v>
      </c>
      <c r="AG26" s="38">
        <v>14345</v>
      </c>
      <c r="AH26" s="36">
        <v>8619</v>
      </c>
      <c r="AI26" s="34">
        <v>28970</v>
      </c>
      <c r="AJ26" s="34">
        <v>13973</v>
      </c>
      <c r="AK26" s="39">
        <v>14997</v>
      </c>
      <c r="AL26" s="22"/>
      <c r="AM26" s="22"/>
      <c r="AN26" s="23"/>
      <c r="AO26" s="23"/>
      <c r="AP26" s="23"/>
    </row>
    <row r="27" spans="1:42" ht="18" customHeight="1" x14ac:dyDescent="0.2">
      <c r="A27" s="77" t="s">
        <v>36</v>
      </c>
      <c r="B27" s="40">
        <v>12810</v>
      </c>
      <c r="C27" s="41">
        <v>27282</v>
      </c>
      <c r="D27" s="41">
        <v>13322</v>
      </c>
      <c r="E27" s="71">
        <v>13960</v>
      </c>
      <c r="F27" s="40">
        <v>13086</v>
      </c>
      <c r="G27" s="41">
        <v>29048</v>
      </c>
      <c r="H27" s="41">
        <v>14072</v>
      </c>
      <c r="I27" s="71">
        <v>14976</v>
      </c>
      <c r="J27" s="42">
        <v>13348</v>
      </c>
      <c r="K27" s="43">
        <v>30591</v>
      </c>
      <c r="L27" s="43">
        <v>14669</v>
      </c>
      <c r="M27" s="44">
        <v>15922</v>
      </c>
      <c r="N27" s="42">
        <v>11241</v>
      </c>
      <c r="O27" s="43">
        <v>26590</v>
      </c>
      <c r="P27" s="43">
        <v>12867</v>
      </c>
      <c r="Q27" s="44">
        <v>13723</v>
      </c>
      <c r="R27" s="45">
        <v>11219</v>
      </c>
      <c r="S27" s="43">
        <v>27760</v>
      </c>
      <c r="T27" s="43">
        <v>13372</v>
      </c>
      <c r="U27" s="46">
        <v>14388</v>
      </c>
      <c r="V27" s="42">
        <v>10942</v>
      </c>
      <c r="W27" s="43">
        <v>28749</v>
      </c>
      <c r="X27" s="43">
        <v>13934</v>
      </c>
      <c r="Y27" s="44">
        <v>14815</v>
      </c>
      <c r="Z27" s="45">
        <v>10797</v>
      </c>
      <c r="AA27" s="43">
        <v>30776</v>
      </c>
      <c r="AB27" s="43">
        <v>15203</v>
      </c>
      <c r="AC27" s="46">
        <v>15573</v>
      </c>
      <c r="AD27" s="42">
        <v>11164</v>
      </c>
      <c r="AE27" s="43">
        <v>34079</v>
      </c>
      <c r="AF27" s="43">
        <v>17015</v>
      </c>
      <c r="AG27" s="44">
        <v>17064</v>
      </c>
      <c r="AH27" s="45">
        <v>10528</v>
      </c>
      <c r="AI27" s="43">
        <v>35032</v>
      </c>
      <c r="AJ27" s="43">
        <v>17511</v>
      </c>
      <c r="AK27" s="47">
        <v>17521</v>
      </c>
      <c r="AL27" s="22"/>
      <c r="AM27" s="22"/>
      <c r="AN27" s="23"/>
      <c r="AO27" s="23"/>
      <c r="AP27" s="23"/>
    </row>
    <row r="28" spans="1:42" ht="18" customHeight="1" x14ac:dyDescent="0.2">
      <c r="A28" s="78" t="s">
        <v>37</v>
      </c>
      <c r="B28" s="10">
        <v>3816</v>
      </c>
      <c r="C28" s="11">
        <v>8040</v>
      </c>
      <c r="D28" s="11">
        <v>3631</v>
      </c>
      <c r="E28" s="70">
        <v>4409</v>
      </c>
      <c r="F28" s="10">
        <v>4254</v>
      </c>
      <c r="G28" s="11">
        <v>9076</v>
      </c>
      <c r="H28" s="11">
        <v>4075</v>
      </c>
      <c r="I28" s="70">
        <v>5001</v>
      </c>
      <c r="J28" s="33">
        <v>4776</v>
      </c>
      <c r="K28" s="34">
        <v>10221</v>
      </c>
      <c r="L28" s="34">
        <v>4625</v>
      </c>
      <c r="M28" s="38">
        <v>5596</v>
      </c>
      <c r="N28" s="33">
        <v>5422</v>
      </c>
      <c r="O28" s="34">
        <v>11927</v>
      </c>
      <c r="P28" s="34">
        <v>5418</v>
      </c>
      <c r="Q28" s="38">
        <v>6509</v>
      </c>
      <c r="R28" s="36">
        <v>5887</v>
      </c>
      <c r="S28" s="34">
        <v>13561</v>
      </c>
      <c r="T28" s="34">
        <v>6212</v>
      </c>
      <c r="U28" s="37">
        <v>7349</v>
      </c>
      <c r="V28" s="33">
        <v>6266</v>
      </c>
      <c r="W28" s="34">
        <v>15116</v>
      </c>
      <c r="X28" s="34">
        <v>6985</v>
      </c>
      <c r="Y28" s="38">
        <v>8131</v>
      </c>
      <c r="Z28" s="36">
        <v>6628</v>
      </c>
      <c r="AA28" s="34">
        <v>17049</v>
      </c>
      <c r="AB28" s="34">
        <v>7893</v>
      </c>
      <c r="AC28" s="37">
        <v>9156</v>
      </c>
      <c r="AD28" s="33">
        <v>7941</v>
      </c>
      <c r="AE28" s="34">
        <v>21511</v>
      </c>
      <c r="AF28" s="34">
        <v>10349</v>
      </c>
      <c r="AG28" s="38">
        <v>11162</v>
      </c>
      <c r="AH28" s="36">
        <v>7818</v>
      </c>
      <c r="AI28" s="34">
        <v>23319</v>
      </c>
      <c r="AJ28" s="34">
        <v>11280</v>
      </c>
      <c r="AK28" s="39">
        <v>12039</v>
      </c>
      <c r="AL28" s="22"/>
      <c r="AM28" s="22"/>
      <c r="AN28" s="23"/>
      <c r="AO28" s="23"/>
      <c r="AP28" s="23"/>
    </row>
    <row r="29" spans="1:42" ht="18" customHeight="1" x14ac:dyDescent="0.2">
      <c r="A29" s="77" t="s">
        <v>38</v>
      </c>
      <c r="B29" s="40">
        <v>11153</v>
      </c>
      <c r="C29" s="41">
        <v>24636</v>
      </c>
      <c r="D29" s="41">
        <v>11762</v>
      </c>
      <c r="E29" s="71">
        <v>12874</v>
      </c>
      <c r="F29" s="40">
        <v>11383</v>
      </c>
      <c r="G29" s="41">
        <v>26917</v>
      </c>
      <c r="H29" s="41">
        <v>12862</v>
      </c>
      <c r="I29" s="71">
        <v>14055</v>
      </c>
      <c r="J29" s="42">
        <v>11897</v>
      </c>
      <c r="K29" s="43">
        <v>29201</v>
      </c>
      <c r="L29" s="43">
        <v>13883</v>
      </c>
      <c r="M29" s="44">
        <v>15318</v>
      </c>
      <c r="N29" s="42">
        <v>12173</v>
      </c>
      <c r="O29" s="43">
        <v>31202</v>
      </c>
      <c r="P29" s="43">
        <v>14849</v>
      </c>
      <c r="Q29" s="44">
        <v>16353</v>
      </c>
      <c r="R29" s="45">
        <v>12222</v>
      </c>
      <c r="S29" s="43">
        <v>33150</v>
      </c>
      <c r="T29" s="43">
        <v>15819</v>
      </c>
      <c r="U29" s="46">
        <v>17331</v>
      </c>
      <c r="V29" s="42">
        <v>12148</v>
      </c>
      <c r="W29" s="43">
        <v>34934</v>
      </c>
      <c r="X29" s="43">
        <v>16736</v>
      </c>
      <c r="Y29" s="44">
        <v>18198</v>
      </c>
      <c r="Z29" s="45">
        <v>12168</v>
      </c>
      <c r="AA29" s="43">
        <v>36912</v>
      </c>
      <c r="AB29" s="43">
        <v>17653</v>
      </c>
      <c r="AC29" s="46">
        <v>19259</v>
      </c>
      <c r="AD29" s="42">
        <v>12578</v>
      </c>
      <c r="AE29" s="43">
        <v>40675</v>
      </c>
      <c r="AF29" s="43">
        <v>19758</v>
      </c>
      <c r="AG29" s="44">
        <v>20917</v>
      </c>
      <c r="AH29" s="45">
        <v>12237</v>
      </c>
      <c r="AI29" s="43">
        <v>42880</v>
      </c>
      <c r="AJ29" s="43">
        <v>21044</v>
      </c>
      <c r="AK29" s="47">
        <v>21836</v>
      </c>
      <c r="AL29" s="22"/>
      <c r="AM29" s="22"/>
      <c r="AN29" s="23"/>
      <c r="AO29" s="23"/>
      <c r="AP29" s="23"/>
    </row>
    <row r="30" spans="1:42" ht="18" customHeight="1" x14ac:dyDescent="0.2">
      <c r="A30" s="78" t="s">
        <v>39</v>
      </c>
      <c r="B30" s="10">
        <v>43809</v>
      </c>
      <c r="C30" s="11">
        <v>97950</v>
      </c>
      <c r="D30" s="11">
        <v>49790</v>
      </c>
      <c r="E30" s="70">
        <v>48160</v>
      </c>
      <c r="F30" s="10">
        <v>40638</v>
      </c>
      <c r="G30" s="11">
        <v>95648</v>
      </c>
      <c r="H30" s="11">
        <v>48588</v>
      </c>
      <c r="I30" s="70">
        <v>47060</v>
      </c>
      <c r="J30" s="33">
        <v>38541</v>
      </c>
      <c r="K30" s="34">
        <v>93604</v>
      </c>
      <c r="L30" s="34">
        <v>47836</v>
      </c>
      <c r="M30" s="38">
        <v>45768</v>
      </c>
      <c r="N30" s="33">
        <v>35983</v>
      </c>
      <c r="O30" s="34">
        <v>91437</v>
      </c>
      <c r="P30" s="34">
        <v>46985</v>
      </c>
      <c r="Q30" s="38">
        <v>44452</v>
      </c>
      <c r="R30" s="36">
        <v>33532</v>
      </c>
      <c r="S30" s="34">
        <v>88897</v>
      </c>
      <c r="T30" s="34">
        <v>46155</v>
      </c>
      <c r="U30" s="37">
        <v>42742</v>
      </c>
      <c r="V30" s="33">
        <v>30071</v>
      </c>
      <c r="W30" s="34">
        <v>84866</v>
      </c>
      <c r="X30" s="34">
        <v>44237</v>
      </c>
      <c r="Y30" s="38">
        <v>40629</v>
      </c>
      <c r="Z30" s="36">
        <v>26010</v>
      </c>
      <c r="AA30" s="34">
        <v>78946</v>
      </c>
      <c r="AB30" s="34">
        <v>41586</v>
      </c>
      <c r="AC30" s="37">
        <v>37360</v>
      </c>
      <c r="AD30" s="33">
        <v>22681</v>
      </c>
      <c r="AE30" s="34">
        <v>73610</v>
      </c>
      <c r="AF30" s="34">
        <v>38749</v>
      </c>
      <c r="AG30" s="38">
        <v>34861</v>
      </c>
      <c r="AH30" s="36">
        <v>18628</v>
      </c>
      <c r="AI30" s="34">
        <v>66788</v>
      </c>
      <c r="AJ30" s="34">
        <v>35544</v>
      </c>
      <c r="AK30" s="39">
        <v>31244</v>
      </c>
      <c r="AL30" s="22"/>
      <c r="AM30" s="22"/>
      <c r="AN30" s="23"/>
      <c r="AO30" s="23"/>
      <c r="AP30" s="23"/>
    </row>
    <row r="31" spans="1:42" ht="18" customHeight="1" x14ac:dyDescent="0.2">
      <c r="A31" s="77" t="s">
        <v>40</v>
      </c>
      <c r="B31" s="40">
        <v>18688</v>
      </c>
      <c r="C31" s="41">
        <v>39490</v>
      </c>
      <c r="D31" s="41">
        <v>18832</v>
      </c>
      <c r="E31" s="71">
        <v>20658</v>
      </c>
      <c r="F31" s="40">
        <v>18651</v>
      </c>
      <c r="G31" s="41">
        <v>41192</v>
      </c>
      <c r="H31" s="41">
        <v>19475</v>
      </c>
      <c r="I31" s="71">
        <v>21717</v>
      </c>
      <c r="J31" s="42">
        <v>18947</v>
      </c>
      <c r="K31" s="43">
        <v>43170</v>
      </c>
      <c r="L31" s="43">
        <v>20314</v>
      </c>
      <c r="M31" s="44">
        <v>22856</v>
      </c>
      <c r="N31" s="42">
        <v>19314</v>
      </c>
      <c r="O31" s="43">
        <v>45562</v>
      </c>
      <c r="P31" s="43">
        <v>21557</v>
      </c>
      <c r="Q31" s="44">
        <v>24005</v>
      </c>
      <c r="R31" s="45">
        <v>18768</v>
      </c>
      <c r="S31" s="43">
        <v>46861</v>
      </c>
      <c r="T31" s="43">
        <v>22095</v>
      </c>
      <c r="U31" s="46">
        <v>24766</v>
      </c>
      <c r="V31" s="42">
        <v>18483</v>
      </c>
      <c r="W31" s="43">
        <v>48425</v>
      </c>
      <c r="X31" s="43">
        <v>22835</v>
      </c>
      <c r="Y31" s="44">
        <v>25590</v>
      </c>
      <c r="Z31" s="45">
        <v>17771</v>
      </c>
      <c r="AA31" s="43">
        <v>49591</v>
      </c>
      <c r="AB31" s="43">
        <v>23443</v>
      </c>
      <c r="AC31" s="46">
        <v>26148</v>
      </c>
      <c r="AD31" s="42">
        <v>17734</v>
      </c>
      <c r="AE31" s="43">
        <v>52004</v>
      </c>
      <c r="AF31" s="43">
        <v>25072</v>
      </c>
      <c r="AG31" s="44">
        <v>26932</v>
      </c>
      <c r="AH31" s="45">
        <v>15781</v>
      </c>
      <c r="AI31" s="43">
        <v>51192</v>
      </c>
      <c r="AJ31" s="43">
        <v>25075</v>
      </c>
      <c r="AK31" s="47">
        <v>26117</v>
      </c>
      <c r="AL31" s="22"/>
      <c r="AM31" s="22"/>
      <c r="AN31" s="23"/>
      <c r="AO31" s="23"/>
      <c r="AP31" s="23"/>
    </row>
    <row r="32" spans="1:42" ht="18" customHeight="1" x14ac:dyDescent="0.2">
      <c r="A32" s="78" t="s">
        <v>41</v>
      </c>
      <c r="B32" s="10">
        <v>7599</v>
      </c>
      <c r="C32" s="11">
        <v>16486</v>
      </c>
      <c r="D32" s="11">
        <v>7607</v>
      </c>
      <c r="E32" s="70">
        <v>8879</v>
      </c>
      <c r="F32" s="10">
        <v>7858</v>
      </c>
      <c r="G32" s="11">
        <v>17694</v>
      </c>
      <c r="H32" s="11">
        <v>8216</v>
      </c>
      <c r="I32" s="70">
        <v>9478</v>
      </c>
      <c r="J32" s="33">
        <v>8415</v>
      </c>
      <c r="K32" s="34">
        <v>19056</v>
      </c>
      <c r="L32" s="34">
        <v>8925</v>
      </c>
      <c r="M32" s="38">
        <v>10131</v>
      </c>
      <c r="N32" s="33">
        <v>8348</v>
      </c>
      <c r="O32" s="34">
        <v>20068</v>
      </c>
      <c r="P32" s="34">
        <v>9451</v>
      </c>
      <c r="Q32" s="38">
        <v>10617</v>
      </c>
      <c r="R32" s="36">
        <v>8448</v>
      </c>
      <c r="S32" s="34">
        <v>21072</v>
      </c>
      <c r="T32" s="34">
        <v>9978</v>
      </c>
      <c r="U32" s="37">
        <v>11094</v>
      </c>
      <c r="V32" s="33">
        <v>8179</v>
      </c>
      <c r="W32" s="34">
        <v>21722</v>
      </c>
      <c r="X32" s="34">
        <v>10357</v>
      </c>
      <c r="Y32" s="38">
        <v>11365</v>
      </c>
      <c r="Z32" s="36">
        <v>8159</v>
      </c>
      <c r="AA32" s="34">
        <v>23152</v>
      </c>
      <c r="AB32" s="34">
        <v>11050</v>
      </c>
      <c r="AC32" s="37">
        <v>12102</v>
      </c>
      <c r="AD32" s="33">
        <v>8606</v>
      </c>
      <c r="AE32" s="34">
        <v>24829</v>
      </c>
      <c r="AF32" s="34">
        <v>12180</v>
      </c>
      <c r="AG32" s="38">
        <v>12649</v>
      </c>
      <c r="AH32" s="36">
        <v>7884</v>
      </c>
      <c r="AI32" s="34">
        <v>25355</v>
      </c>
      <c r="AJ32" s="34">
        <v>12382</v>
      </c>
      <c r="AK32" s="39">
        <v>12973</v>
      </c>
      <c r="AL32" s="22"/>
      <c r="AM32" s="22"/>
      <c r="AN32" s="23"/>
      <c r="AO32" s="23"/>
      <c r="AP32" s="23"/>
    </row>
    <row r="33" spans="1:42" ht="18" customHeight="1" x14ac:dyDescent="0.2">
      <c r="A33" s="77" t="s">
        <v>42</v>
      </c>
      <c r="B33" s="40">
        <v>1424</v>
      </c>
      <c r="C33" s="41">
        <v>2989</v>
      </c>
      <c r="D33" s="41">
        <v>1399</v>
      </c>
      <c r="E33" s="71">
        <v>1590</v>
      </c>
      <c r="F33" s="40">
        <v>1665</v>
      </c>
      <c r="G33" s="41">
        <v>3585</v>
      </c>
      <c r="H33" s="41">
        <v>1652</v>
      </c>
      <c r="I33" s="71">
        <v>1933</v>
      </c>
      <c r="J33" s="42">
        <v>2000</v>
      </c>
      <c r="K33" s="43">
        <v>4387</v>
      </c>
      <c r="L33" s="43">
        <v>1955</v>
      </c>
      <c r="M33" s="44">
        <v>2432</v>
      </c>
      <c r="N33" s="42">
        <v>2335</v>
      </c>
      <c r="O33" s="43">
        <v>5221</v>
      </c>
      <c r="P33" s="43">
        <v>2327</v>
      </c>
      <c r="Q33" s="44">
        <v>2894</v>
      </c>
      <c r="R33" s="45">
        <v>2579</v>
      </c>
      <c r="S33" s="43">
        <v>5941</v>
      </c>
      <c r="T33" s="43">
        <v>2695</v>
      </c>
      <c r="U33" s="46">
        <v>3246</v>
      </c>
      <c r="V33" s="42">
        <v>2814</v>
      </c>
      <c r="W33" s="43">
        <v>6867</v>
      </c>
      <c r="X33" s="43">
        <v>3195</v>
      </c>
      <c r="Y33" s="44">
        <v>3672</v>
      </c>
      <c r="Z33" s="45">
        <v>3180</v>
      </c>
      <c r="AA33" s="43">
        <v>8279</v>
      </c>
      <c r="AB33" s="43">
        <v>3915</v>
      </c>
      <c r="AC33" s="46">
        <v>4364</v>
      </c>
      <c r="AD33" s="42">
        <v>3612</v>
      </c>
      <c r="AE33" s="43">
        <v>9612</v>
      </c>
      <c r="AF33" s="43">
        <v>4619</v>
      </c>
      <c r="AG33" s="44">
        <v>4993</v>
      </c>
      <c r="AH33" s="45">
        <v>3586</v>
      </c>
      <c r="AI33" s="43">
        <v>10178</v>
      </c>
      <c r="AJ33" s="43">
        <v>4863</v>
      </c>
      <c r="AK33" s="47">
        <v>5315</v>
      </c>
      <c r="AL33" s="22"/>
      <c r="AM33" s="22"/>
      <c r="AN33" s="23"/>
      <c r="AO33" s="23"/>
      <c r="AP33" s="23"/>
    </row>
    <row r="34" spans="1:42" ht="18" customHeight="1" x14ac:dyDescent="0.2">
      <c r="A34" s="78" t="s">
        <v>43</v>
      </c>
      <c r="B34" s="10">
        <v>9198</v>
      </c>
      <c r="C34" s="11">
        <v>20039</v>
      </c>
      <c r="D34" s="11">
        <v>9362</v>
      </c>
      <c r="E34" s="70">
        <v>10677</v>
      </c>
      <c r="F34" s="10">
        <v>9669</v>
      </c>
      <c r="G34" s="11">
        <v>21909</v>
      </c>
      <c r="H34" s="11">
        <v>10118</v>
      </c>
      <c r="I34" s="70">
        <v>11791</v>
      </c>
      <c r="J34" s="33">
        <v>10100</v>
      </c>
      <c r="K34" s="34">
        <v>23709</v>
      </c>
      <c r="L34" s="34">
        <v>10987</v>
      </c>
      <c r="M34" s="38">
        <v>12722</v>
      </c>
      <c r="N34" s="33">
        <v>10554</v>
      </c>
      <c r="O34" s="34">
        <v>25838</v>
      </c>
      <c r="P34" s="34">
        <v>12044</v>
      </c>
      <c r="Q34" s="38">
        <v>13794</v>
      </c>
      <c r="R34" s="36">
        <v>10945</v>
      </c>
      <c r="S34" s="34">
        <v>27579</v>
      </c>
      <c r="T34" s="34">
        <v>12906</v>
      </c>
      <c r="U34" s="37">
        <v>14673</v>
      </c>
      <c r="V34" s="33">
        <v>10746</v>
      </c>
      <c r="W34" s="34">
        <v>28770</v>
      </c>
      <c r="X34" s="34">
        <v>13376</v>
      </c>
      <c r="Y34" s="38">
        <v>15394</v>
      </c>
      <c r="Z34" s="36">
        <v>10618</v>
      </c>
      <c r="AA34" s="34">
        <v>30671</v>
      </c>
      <c r="AB34" s="34">
        <v>14330</v>
      </c>
      <c r="AC34" s="37">
        <v>16341</v>
      </c>
      <c r="AD34" s="33">
        <v>11056</v>
      </c>
      <c r="AE34" s="34">
        <v>33833</v>
      </c>
      <c r="AF34" s="34">
        <v>16210</v>
      </c>
      <c r="AG34" s="38">
        <v>17623</v>
      </c>
      <c r="AH34" s="36">
        <v>10435</v>
      </c>
      <c r="AI34" s="34">
        <v>35376</v>
      </c>
      <c r="AJ34" s="34">
        <v>16917</v>
      </c>
      <c r="AK34" s="39">
        <v>18459</v>
      </c>
      <c r="AL34" s="22"/>
      <c r="AM34" s="22"/>
      <c r="AN34" s="23"/>
      <c r="AO34" s="23"/>
      <c r="AP34" s="23"/>
    </row>
    <row r="35" spans="1:42" ht="18" customHeight="1" x14ac:dyDescent="0.2">
      <c r="A35" s="77" t="s">
        <v>44</v>
      </c>
      <c r="B35" s="40">
        <v>9538</v>
      </c>
      <c r="C35" s="41">
        <v>21131</v>
      </c>
      <c r="D35" s="41">
        <v>9947</v>
      </c>
      <c r="E35" s="71">
        <v>11184</v>
      </c>
      <c r="F35" s="40">
        <v>9929</v>
      </c>
      <c r="G35" s="41">
        <v>22936</v>
      </c>
      <c r="H35" s="41">
        <v>10783</v>
      </c>
      <c r="I35" s="71">
        <v>12153</v>
      </c>
      <c r="J35" s="42">
        <v>10074</v>
      </c>
      <c r="K35" s="43">
        <v>24259</v>
      </c>
      <c r="L35" s="43">
        <v>11418</v>
      </c>
      <c r="M35" s="44">
        <v>12841</v>
      </c>
      <c r="N35" s="42">
        <v>9989</v>
      </c>
      <c r="O35" s="43">
        <v>25076</v>
      </c>
      <c r="P35" s="43">
        <v>11810</v>
      </c>
      <c r="Q35" s="44">
        <v>13266</v>
      </c>
      <c r="R35" s="45">
        <v>9914</v>
      </c>
      <c r="S35" s="43">
        <v>26112</v>
      </c>
      <c r="T35" s="43">
        <v>12400</v>
      </c>
      <c r="U35" s="46">
        <v>13712</v>
      </c>
      <c r="V35" s="42">
        <v>9310</v>
      </c>
      <c r="W35" s="43">
        <v>26046</v>
      </c>
      <c r="X35" s="43">
        <v>12455</v>
      </c>
      <c r="Y35" s="44">
        <v>13591</v>
      </c>
      <c r="Z35" s="45">
        <v>8961</v>
      </c>
      <c r="AA35" s="43">
        <v>26665</v>
      </c>
      <c r="AB35" s="43">
        <v>12861</v>
      </c>
      <c r="AC35" s="46">
        <v>13804</v>
      </c>
      <c r="AD35" s="42">
        <v>8881</v>
      </c>
      <c r="AE35" s="43">
        <v>27876</v>
      </c>
      <c r="AF35" s="43">
        <v>13482</v>
      </c>
      <c r="AG35" s="44">
        <v>14394</v>
      </c>
      <c r="AH35" s="45">
        <v>8405</v>
      </c>
      <c r="AI35" s="43">
        <v>28499</v>
      </c>
      <c r="AJ35" s="43">
        <v>13780</v>
      </c>
      <c r="AK35" s="47">
        <v>14719</v>
      </c>
      <c r="AL35" s="22"/>
      <c r="AM35" s="22"/>
      <c r="AN35" s="23"/>
      <c r="AO35" s="23"/>
      <c r="AP35" s="23"/>
    </row>
    <row r="36" spans="1:42" ht="18" customHeight="1" x14ac:dyDescent="0.2">
      <c r="A36" s="78" t="s">
        <v>45</v>
      </c>
      <c r="B36" s="10">
        <v>20928</v>
      </c>
      <c r="C36" s="11">
        <v>46391</v>
      </c>
      <c r="D36" s="11">
        <v>22146</v>
      </c>
      <c r="E36" s="70">
        <v>24245</v>
      </c>
      <c r="F36" s="10">
        <v>21681</v>
      </c>
      <c r="G36" s="11">
        <v>49625</v>
      </c>
      <c r="H36" s="11">
        <v>23533</v>
      </c>
      <c r="I36" s="70">
        <v>26092</v>
      </c>
      <c r="J36" s="33">
        <v>21717</v>
      </c>
      <c r="K36" s="34">
        <v>51526</v>
      </c>
      <c r="L36" s="34">
        <v>24514</v>
      </c>
      <c r="M36" s="38">
        <v>27012</v>
      </c>
      <c r="N36" s="33">
        <v>21511</v>
      </c>
      <c r="O36" s="34">
        <v>53135</v>
      </c>
      <c r="P36" s="34">
        <v>25256</v>
      </c>
      <c r="Q36" s="38">
        <v>27879</v>
      </c>
      <c r="R36" s="36">
        <v>21641</v>
      </c>
      <c r="S36" s="34">
        <v>54761</v>
      </c>
      <c r="T36" s="34">
        <v>26115</v>
      </c>
      <c r="U36" s="37">
        <v>28646</v>
      </c>
      <c r="V36" s="33">
        <v>21259</v>
      </c>
      <c r="W36" s="34">
        <v>56892</v>
      </c>
      <c r="X36" s="34">
        <v>27525</v>
      </c>
      <c r="Y36" s="38">
        <v>29367</v>
      </c>
      <c r="Z36" s="36">
        <v>19539</v>
      </c>
      <c r="AA36" s="34">
        <v>55571</v>
      </c>
      <c r="AB36" s="34">
        <v>26827</v>
      </c>
      <c r="AC36" s="37">
        <v>28744</v>
      </c>
      <c r="AD36" s="33">
        <v>19268</v>
      </c>
      <c r="AE36" s="34">
        <v>58370</v>
      </c>
      <c r="AF36" s="34">
        <v>28557</v>
      </c>
      <c r="AG36" s="38">
        <v>29813</v>
      </c>
      <c r="AH36" s="36">
        <v>16810</v>
      </c>
      <c r="AI36" s="34">
        <v>56503</v>
      </c>
      <c r="AJ36" s="34">
        <v>27929</v>
      </c>
      <c r="AK36" s="39">
        <v>28574</v>
      </c>
      <c r="AL36" s="22"/>
      <c r="AM36" s="22"/>
      <c r="AN36" s="23"/>
      <c r="AO36" s="23"/>
      <c r="AP36" s="23"/>
    </row>
    <row r="37" spans="1:42" ht="18" customHeight="1" x14ac:dyDescent="0.2">
      <c r="A37" s="77" t="s">
        <v>46</v>
      </c>
      <c r="B37" s="40">
        <v>30276</v>
      </c>
      <c r="C37" s="41">
        <v>70331</v>
      </c>
      <c r="D37" s="41">
        <v>34088</v>
      </c>
      <c r="E37" s="71">
        <v>36243</v>
      </c>
      <c r="F37" s="40">
        <v>28846</v>
      </c>
      <c r="G37" s="41">
        <v>69702</v>
      </c>
      <c r="H37" s="41">
        <v>33781</v>
      </c>
      <c r="I37" s="71">
        <v>35921</v>
      </c>
      <c r="J37" s="42">
        <v>27634</v>
      </c>
      <c r="K37" s="43">
        <v>69384</v>
      </c>
      <c r="L37" s="43">
        <v>33945</v>
      </c>
      <c r="M37" s="44">
        <v>35439</v>
      </c>
      <c r="N37" s="42">
        <v>25662</v>
      </c>
      <c r="O37" s="43">
        <v>67614</v>
      </c>
      <c r="P37" s="43">
        <v>33317</v>
      </c>
      <c r="Q37" s="44">
        <v>34297</v>
      </c>
      <c r="R37" s="45">
        <v>23660</v>
      </c>
      <c r="S37" s="43">
        <v>65239</v>
      </c>
      <c r="T37" s="43">
        <v>32503</v>
      </c>
      <c r="U37" s="46">
        <v>32736</v>
      </c>
      <c r="V37" s="42">
        <v>21383</v>
      </c>
      <c r="W37" s="43">
        <v>62351</v>
      </c>
      <c r="X37" s="43">
        <v>31376</v>
      </c>
      <c r="Y37" s="44">
        <v>30975</v>
      </c>
      <c r="Z37" s="45">
        <v>17528</v>
      </c>
      <c r="AA37" s="43">
        <v>55615</v>
      </c>
      <c r="AB37" s="43">
        <v>27980</v>
      </c>
      <c r="AC37" s="46">
        <v>27635</v>
      </c>
      <c r="AD37" s="42">
        <v>14220</v>
      </c>
      <c r="AE37" s="43">
        <v>48305</v>
      </c>
      <c r="AF37" s="43">
        <v>24474</v>
      </c>
      <c r="AG37" s="44">
        <v>23831</v>
      </c>
      <c r="AH37" s="45">
        <v>11933</v>
      </c>
      <c r="AI37" s="43">
        <v>42911</v>
      </c>
      <c r="AJ37" s="43">
        <v>22072</v>
      </c>
      <c r="AK37" s="47">
        <v>20839</v>
      </c>
      <c r="AL37" s="22"/>
      <c r="AM37" s="22"/>
      <c r="AN37" s="23"/>
      <c r="AO37" s="23"/>
      <c r="AP37" s="23"/>
    </row>
    <row r="38" spans="1:42" ht="18" customHeight="1" x14ac:dyDescent="0.2">
      <c r="A38" s="78" t="s">
        <v>47</v>
      </c>
      <c r="B38" s="10">
        <v>14844</v>
      </c>
      <c r="C38" s="11">
        <v>32826</v>
      </c>
      <c r="D38" s="11">
        <v>15176</v>
      </c>
      <c r="E38" s="70">
        <v>17650</v>
      </c>
      <c r="F38" s="10">
        <v>15054</v>
      </c>
      <c r="G38" s="11">
        <v>34995</v>
      </c>
      <c r="H38" s="11">
        <v>16279</v>
      </c>
      <c r="I38" s="70">
        <v>18716</v>
      </c>
      <c r="J38" s="33">
        <v>15287</v>
      </c>
      <c r="K38" s="34">
        <v>36278</v>
      </c>
      <c r="L38" s="34">
        <v>16812</v>
      </c>
      <c r="M38" s="38">
        <v>19466</v>
      </c>
      <c r="N38" s="33">
        <v>14354</v>
      </c>
      <c r="O38" s="34">
        <v>35223</v>
      </c>
      <c r="P38" s="34">
        <v>16367</v>
      </c>
      <c r="Q38" s="38">
        <v>18856</v>
      </c>
      <c r="R38" s="36">
        <v>13843</v>
      </c>
      <c r="S38" s="34">
        <v>35042</v>
      </c>
      <c r="T38" s="34">
        <v>16290</v>
      </c>
      <c r="U38" s="37">
        <v>18752</v>
      </c>
      <c r="V38" s="33">
        <v>12632</v>
      </c>
      <c r="W38" s="34">
        <v>34431</v>
      </c>
      <c r="X38" s="34">
        <v>16180</v>
      </c>
      <c r="Y38" s="38">
        <v>18251</v>
      </c>
      <c r="Z38" s="36">
        <v>11886</v>
      </c>
      <c r="AA38" s="34">
        <v>34507</v>
      </c>
      <c r="AB38" s="34">
        <v>16234</v>
      </c>
      <c r="AC38" s="37">
        <v>18273</v>
      </c>
      <c r="AD38" s="33">
        <v>11101</v>
      </c>
      <c r="AE38" s="34">
        <v>34824</v>
      </c>
      <c r="AF38" s="34">
        <v>16510</v>
      </c>
      <c r="AG38" s="38">
        <v>18314</v>
      </c>
      <c r="AH38" s="36">
        <v>10209</v>
      </c>
      <c r="AI38" s="34">
        <v>34705</v>
      </c>
      <c r="AJ38" s="34">
        <v>16609</v>
      </c>
      <c r="AK38" s="39">
        <v>18096</v>
      </c>
      <c r="AL38" s="22"/>
      <c r="AM38" s="22"/>
      <c r="AN38" s="23"/>
      <c r="AO38" s="23"/>
      <c r="AP38" s="23"/>
    </row>
    <row r="39" spans="1:42" ht="18" customHeight="1" x14ac:dyDescent="0.2">
      <c r="A39" s="77" t="s">
        <v>48</v>
      </c>
      <c r="B39" s="40">
        <v>24640</v>
      </c>
      <c r="C39" s="41">
        <v>58171</v>
      </c>
      <c r="D39" s="41">
        <v>27763</v>
      </c>
      <c r="E39" s="71">
        <v>30408</v>
      </c>
      <c r="F39" s="40">
        <v>23551</v>
      </c>
      <c r="G39" s="41">
        <v>59064</v>
      </c>
      <c r="H39" s="41">
        <v>28273</v>
      </c>
      <c r="I39" s="71">
        <v>30791</v>
      </c>
      <c r="J39" s="42">
        <v>22991</v>
      </c>
      <c r="K39" s="43">
        <v>60353</v>
      </c>
      <c r="L39" s="43">
        <v>28959</v>
      </c>
      <c r="M39" s="44">
        <v>31394</v>
      </c>
      <c r="N39" s="42">
        <v>22362</v>
      </c>
      <c r="O39" s="43">
        <v>60677</v>
      </c>
      <c r="P39" s="43">
        <v>29252</v>
      </c>
      <c r="Q39" s="44">
        <v>31425</v>
      </c>
      <c r="R39" s="45">
        <v>20305</v>
      </c>
      <c r="S39" s="43">
        <v>57731</v>
      </c>
      <c r="T39" s="43">
        <v>27975</v>
      </c>
      <c r="U39" s="46">
        <v>29756</v>
      </c>
      <c r="V39" s="42">
        <v>17521</v>
      </c>
      <c r="W39" s="43">
        <v>53537</v>
      </c>
      <c r="X39" s="43">
        <v>26006</v>
      </c>
      <c r="Y39" s="44">
        <v>27531</v>
      </c>
      <c r="Z39" s="45">
        <v>14662</v>
      </c>
      <c r="AA39" s="43">
        <v>47758</v>
      </c>
      <c r="AB39" s="43">
        <v>23386</v>
      </c>
      <c r="AC39" s="46">
        <v>24372</v>
      </c>
      <c r="AD39" s="42">
        <v>12026</v>
      </c>
      <c r="AE39" s="43">
        <v>40853</v>
      </c>
      <c r="AF39" s="43">
        <v>20159</v>
      </c>
      <c r="AG39" s="44">
        <v>20694</v>
      </c>
      <c r="AH39" s="45">
        <v>9426</v>
      </c>
      <c r="AI39" s="43">
        <v>34148</v>
      </c>
      <c r="AJ39" s="43">
        <v>16944</v>
      </c>
      <c r="AK39" s="47">
        <v>17204</v>
      </c>
      <c r="AL39" s="22"/>
      <c r="AM39" s="22"/>
      <c r="AN39" s="23"/>
      <c r="AO39" s="23"/>
      <c r="AP39" s="23"/>
    </row>
    <row r="40" spans="1:42" s="56" customFormat="1" ht="18" customHeight="1" x14ac:dyDescent="0.2">
      <c r="A40" s="79" t="s">
        <v>49</v>
      </c>
      <c r="B40" s="48">
        <v>23102</v>
      </c>
      <c r="C40" s="49">
        <v>56869</v>
      </c>
      <c r="D40" s="49">
        <v>27324</v>
      </c>
      <c r="E40" s="72">
        <v>29545</v>
      </c>
      <c r="F40" s="48">
        <v>22632</v>
      </c>
      <c r="G40" s="49">
        <v>57436</v>
      </c>
      <c r="H40" s="49">
        <v>27548</v>
      </c>
      <c r="I40" s="72">
        <v>29888</v>
      </c>
      <c r="J40" s="50">
        <v>22603</v>
      </c>
      <c r="K40" s="51">
        <v>59449</v>
      </c>
      <c r="L40" s="51">
        <v>28554</v>
      </c>
      <c r="M40" s="52">
        <v>30895</v>
      </c>
      <c r="N40" s="50">
        <v>21925</v>
      </c>
      <c r="O40" s="51">
        <v>60104</v>
      </c>
      <c r="P40" s="51">
        <v>28942</v>
      </c>
      <c r="Q40" s="52">
        <v>31162</v>
      </c>
      <c r="R40" s="53">
        <v>18688</v>
      </c>
      <c r="S40" s="51">
        <v>54567</v>
      </c>
      <c r="T40" s="51">
        <v>26323</v>
      </c>
      <c r="U40" s="54">
        <v>28244</v>
      </c>
      <c r="V40" s="50">
        <v>16549</v>
      </c>
      <c r="W40" s="51">
        <v>52209</v>
      </c>
      <c r="X40" s="51">
        <v>25227</v>
      </c>
      <c r="Y40" s="52">
        <v>26982</v>
      </c>
      <c r="Z40" s="53">
        <v>14126</v>
      </c>
      <c r="AA40" s="51">
        <v>47339</v>
      </c>
      <c r="AB40" s="51">
        <v>22912</v>
      </c>
      <c r="AC40" s="54">
        <v>24427</v>
      </c>
      <c r="AD40" s="50">
        <v>11855</v>
      </c>
      <c r="AE40" s="51">
        <v>41642</v>
      </c>
      <c r="AF40" s="51">
        <v>20342</v>
      </c>
      <c r="AG40" s="52">
        <v>21300</v>
      </c>
      <c r="AH40" s="53">
        <v>9318</v>
      </c>
      <c r="AI40" s="51">
        <v>33599</v>
      </c>
      <c r="AJ40" s="51">
        <v>16530</v>
      </c>
      <c r="AK40" s="55">
        <v>17069</v>
      </c>
      <c r="AL40" s="22"/>
      <c r="AM40" s="22"/>
      <c r="AN40" s="23"/>
      <c r="AO40" s="23"/>
      <c r="AP40" s="23"/>
    </row>
    <row r="41" spans="1:42" ht="18" customHeight="1" thickBot="1" x14ac:dyDescent="0.25">
      <c r="A41" s="80" t="s">
        <v>50</v>
      </c>
      <c r="B41" s="57">
        <v>18337</v>
      </c>
      <c r="C41" s="58">
        <v>44302</v>
      </c>
      <c r="D41" s="58">
        <v>20542</v>
      </c>
      <c r="E41" s="73">
        <v>23760</v>
      </c>
      <c r="F41" s="57">
        <v>18508</v>
      </c>
      <c r="G41" s="58">
        <v>46390</v>
      </c>
      <c r="H41" s="58">
        <v>21641</v>
      </c>
      <c r="I41" s="73">
        <v>24749</v>
      </c>
      <c r="J41" s="59">
        <v>18412</v>
      </c>
      <c r="K41" s="60">
        <v>48032</v>
      </c>
      <c r="L41" s="60">
        <v>22515</v>
      </c>
      <c r="M41" s="61">
        <v>25517</v>
      </c>
      <c r="N41" s="59"/>
      <c r="O41" s="60"/>
      <c r="P41" s="60"/>
      <c r="Q41" s="61"/>
      <c r="R41" s="62"/>
      <c r="S41" s="60"/>
      <c r="T41" s="60"/>
      <c r="U41" s="63"/>
      <c r="V41" s="59"/>
      <c r="W41" s="60"/>
      <c r="X41" s="60"/>
      <c r="Y41" s="61"/>
      <c r="Z41" s="62"/>
      <c r="AA41" s="60"/>
      <c r="AB41" s="60"/>
      <c r="AC41" s="63"/>
      <c r="AD41" s="59"/>
      <c r="AE41" s="60"/>
      <c r="AF41" s="60"/>
      <c r="AG41" s="61"/>
      <c r="AH41" s="62"/>
      <c r="AI41" s="60"/>
      <c r="AJ41" s="60"/>
      <c r="AK41" s="64"/>
      <c r="AL41" s="22"/>
      <c r="AM41" s="22"/>
      <c r="AN41" s="23"/>
    </row>
    <row r="42" spans="1:42" x14ac:dyDescent="0.2">
      <c r="M42" s="66"/>
      <c r="AL42" s="22"/>
      <c r="AM42" s="23"/>
      <c r="AN42" s="56"/>
      <c r="AO42" s="56"/>
    </row>
    <row r="43" spans="1:42" x14ac:dyDescent="0.2">
      <c r="B43" s="81"/>
      <c r="C43" s="81"/>
      <c r="D43" s="81"/>
      <c r="E43" s="81"/>
    </row>
    <row r="44" spans="1:42" x14ac:dyDescent="0.2">
      <c r="O44" s="67"/>
      <c r="P44" s="68"/>
      <c r="Q44" s="68"/>
      <c r="R44" s="68"/>
      <c r="S44" s="68"/>
    </row>
    <row r="45" spans="1:42" x14ac:dyDescent="0.2">
      <c r="O45" s="67"/>
      <c r="P45" s="68"/>
      <c r="Q45" s="68"/>
      <c r="R45" s="68"/>
      <c r="S45" s="68"/>
    </row>
    <row r="47" spans="1:42" x14ac:dyDescent="0.2">
      <c r="O47" s="67"/>
      <c r="P47" s="68"/>
      <c r="Q47" s="68"/>
      <c r="R47" s="68"/>
      <c r="S47" s="68"/>
    </row>
    <row r="48" spans="1:42" x14ac:dyDescent="0.2">
      <c r="O48" s="67"/>
      <c r="P48" s="68"/>
      <c r="Q48" s="68"/>
      <c r="R48" s="68"/>
      <c r="S48" s="68"/>
    </row>
    <row r="60" spans="15:19" x14ac:dyDescent="0.2">
      <c r="O60" s="67"/>
      <c r="P60" s="68"/>
      <c r="Q60" s="68"/>
      <c r="R60" s="68"/>
      <c r="S60" s="68"/>
    </row>
    <row r="61" spans="15:19" x14ac:dyDescent="0.2">
      <c r="O61" s="67"/>
      <c r="P61" s="68"/>
      <c r="Q61" s="68"/>
      <c r="R61" s="68"/>
      <c r="S61" s="68"/>
    </row>
    <row r="64" spans="15:19" x14ac:dyDescent="0.2">
      <c r="O64" s="67"/>
      <c r="P64" s="68"/>
      <c r="Q64" s="68"/>
      <c r="R64" s="68"/>
      <c r="S64" s="68"/>
    </row>
    <row r="65" spans="15:19" x14ac:dyDescent="0.2">
      <c r="O65" s="67"/>
      <c r="P65" s="68"/>
      <c r="Q65" s="68"/>
      <c r="R65" s="68"/>
      <c r="S65" s="68"/>
    </row>
    <row r="66" spans="15:19" x14ac:dyDescent="0.2">
      <c r="O66" s="67"/>
      <c r="P66" s="68"/>
      <c r="Q66" s="68"/>
      <c r="R66" s="68"/>
      <c r="S66" s="68"/>
    </row>
    <row r="68" spans="15:19" x14ac:dyDescent="0.2">
      <c r="O68" s="67"/>
      <c r="P68" s="68"/>
      <c r="Q68" s="68"/>
      <c r="R68" s="68"/>
      <c r="S68" s="68"/>
    </row>
    <row r="69" spans="15:19" x14ac:dyDescent="0.2">
      <c r="O69" s="67"/>
      <c r="P69" s="68"/>
      <c r="Q69" s="68"/>
      <c r="R69" s="68"/>
      <c r="S69" s="68"/>
    </row>
    <row r="70" spans="15:19" x14ac:dyDescent="0.2">
      <c r="O70" s="67"/>
      <c r="P70" s="68"/>
      <c r="Q70" s="68"/>
      <c r="R70" s="68"/>
      <c r="S70" s="68"/>
    </row>
    <row r="71" spans="15:19" x14ac:dyDescent="0.2">
      <c r="O71" s="67"/>
      <c r="P71" s="68"/>
      <c r="Q71" s="68"/>
      <c r="R71" s="68"/>
      <c r="S71" s="68"/>
    </row>
    <row r="72" spans="15:19" x14ac:dyDescent="0.2">
      <c r="O72" s="67"/>
      <c r="P72" s="68"/>
      <c r="Q72" s="68"/>
      <c r="R72" s="68"/>
      <c r="S72" s="68"/>
    </row>
    <row r="73" spans="15:19" x14ac:dyDescent="0.2">
      <c r="O73" s="67"/>
      <c r="P73" s="68"/>
      <c r="Q73" s="68"/>
      <c r="R73" s="68"/>
      <c r="S73" s="68"/>
    </row>
    <row r="74" spans="15:19" x14ac:dyDescent="0.2">
      <c r="O74" s="67"/>
      <c r="P74" s="68"/>
      <c r="Q74" s="68"/>
      <c r="R74" s="68"/>
      <c r="S74" s="68"/>
    </row>
    <row r="75" spans="15:19" x14ac:dyDescent="0.2">
      <c r="O75" s="67"/>
      <c r="P75" s="68"/>
      <c r="Q75" s="68"/>
      <c r="R75" s="68"/>
      <c r="S75" s="68"/>
    </row>
    <row r="76" spans="15:19" x14ac:dyDescent="0.2">
      <c r="O76" s="67"/>
      <c r="P76" s="68"/>
      <c r="Q76" s="68"/>
      <c r="R76" s="68"/>
      <c r="S76" s="68"/>
    </row>
    <row r="77" spans="15:19" x14ac:dyDescent="0.2">
      <c r="O77" s="67"/>
      <c r="P77" s="68"/>
      <c r="Q77" s="68"/>
      <c r="R77" s="68"/>
      <c r="S77" s="68"/>
    </row>
    <row r="78" spans="15:19" x14ac:dyDescent="0.2">
      <c r="O78" s="67"/>
      <c r="P78" s="68"/>
      <c r="Q78" s="68"/>
      <c r="R78" s="68"/>
      <c r="S78" s="68"/>
    </row>
    <row r="79" spans="15:19" x14ac:dyDescent="0.2">
      <c r="O79" s="67"/>
      <c r="P79" s="68"/>
      <c r="Q79" s="68"/>
      <c r="R79" s="68"/>
      <c r="S79" s="68"/>
    </row>
    <row r="80" spans="15:19" x14ac:dyDescent="0.2">
      <c r="O80" s="67"/>
      <c r="P80" s="68"/>
      <c r="Q80" s="68"/>
      <c r="R80" s="68"/>
      <c r="S80" s="68"/>
    </row>
    <row r="81" spans="15:19" x14ac:dyDescent="0.2">
      <c r="O81" s="67"/>
      <c r="P81" s="68"/>
      <c r="Q81" s="68"/>
      <c r="R81" s="68"/>
      <c r="S81" s="68"/>
    </row>
    <row r="82" spans="15:19" x14ac:dyDescent="0.2">
      <c r="O82" s="67"/>
      <c r="P82" s="68"/>
      <c r="Q82" s="68"/>
      <c r="R82" s="68"/>
      <c r="S82" s="68"/>
    </row>
    <row r="83" spans="15:19" x14ac:dyDescent="0.2">
      <c r="O83" s="67"/>
      <c r="P83" s="68"/>
      <c r="Q83" s="68"/>
      <c r="R83" s="68"/>
      <c r="S83" s="68"/>
    </row>
    <row r="84" spans="15:19" x14ac:dyDescent="0.2">
      <c r="O84" s="67"/>
      <c r="P84" s="68"/>
      <c r="Q84" s="68"/>
      <c r="R84" s="68"/>
      <c r="S84" s="68"/>
    </row>
    <row r="85" spans="15:19" x14ac:dyDescent="0.2">
      <c r="O85" s="67"/>
      <c r="P85" s="68"/>
      <c r="Q85" s="68"/>
      <c r="R85" s="68"/>
      <c r="S85" s="68"/>
    </row>
    <row r="86" spans="15:19" x14ac:dyDescent="0.2">
      <c r="O86" s="67"/>
      <c r="P86" s="68"/>
      <c r="Q86" s="68"/>
      <c r="R86" s="68"/>
      <c r="S86" s="68"/>
    </row>
    <row r="87" spans="15:19" x14ac:dyDescent="0.2">
      <c r="O87" s="67"/>
      <c r="P87" s="68"/>
      <c r="Q87" s="68"/>
      <c r="R87" s="68"/>
      <c r="S87" s="68"/>
    </row>
    <row r="88" spans="15:19" x14ac:dyDescent="0.2">
      <c r="O88" s="67"/>
      <c r="P88" s="68"/>
      <c r="Q88" s="68"/>
      <c r="R88" s="68"/>
      <c r="S88" s="68"/>
    </row>
    <row r="89" spans="15:19" x14ac:dyDescent="0.2">
      <c r="O89" s="67"/>
      <c r="P89" s="68"/>
      <c r="Q89" s="68"/>
      <c r="R89" s="68"/>
      <c r="S89" s="68"/>
    </row>
    <row r="90" spans="15:19" x14ac:dyDescent="0.2">
      <c r="O90" s="67"/>
      <c r="P90" s="68"/>
      <c r="Q90" s="68"/>
      <c r="R90" s="68"/>
      <c r="S90" s="68"/>
    </row>
    <row r="91" spans="15:19" x14ac:dyDescent="0.2">
      <c r="O91" s="67"/>
      <c r="P91" s="68"/>
      <c r="Q91" s="68"/>
      <c r="R91" s="68"/>
      <c r="S91" s="68"/>
    </row>
    <row r="92" spans="15:19" x14ac:dyDescent="0.2">
      <c r="O92" s="67"/>
      <c r="P92" s="68"/>
      <c r="Q92" s="68"/>
      <c r="R92" s="68"/>
      <c r="S92" s="68"/>
    </row>
    <row r="93" spans="15:19" x14ac:dyDescent="0.2">
      <c r="O93" s="67"/>
      <c r="P93" s="68"/>
      <c r="Q93" s="68"/>
      <c r="R93" s="68"/>
      <c r="S93" s="68"/>
    </row>
    <row r="94" spans="15:19" x14ac:dyDescent="0.2">
      <c r="O94" s="67"/>
      <c r="P94" s="68"/>
      <c r="Q94" s="68"/>
      <c r="R94" s="68"/>
      <c r="S94" s="68"/>
    </row>
    <row r="95" spans="15:19" x14ac:dyDescent="0.2">
      <c r="O95" s="67"/>
      <c r="P95" s="68"/>
      <c r="Q95" s="68"/>
      <c r="R95" s="68"/>
      <c r="S95" s="68"/>
    </row>
    <row r="96" spans="15:19" x14ac:dyDescent="0.2">
      <c r="O96" s="67"/>
      <c r="P96" s="68"/>
      <c r="Q96" s="68"/>
      <c r="R96" s="68"/>
      <c r="S96" s="68"/>
    </row>
    <row r="97" spans="15:19" x14ac:dyDescent="0.2">
      <c r="O97" s="67"/>
      <c r="P97" s="68"/>
      <c r="Q97" s="68"/>
      <c r="R97" s="68"/>
      <c r="S97" s="68"/>
    </row>
    <row r="98" spans="15:19" x14ac:dyDescent="0.2">
      <c r="O98" s="67"/>
      <c r="P98" s="68"/>
      <c r="Q98" s="68"/>
      <c r="R98" s="68"/>
      <c r="S98" s="68"/>
    </row>
    <row r="99" spans="15:19" x14ac:dyDescent="0.2">
      <c r="O99" s="67"/>
      <c r="P99" s="68"/>
      <c r="Q99" s="68"/>
      <c r="R99" s="68"/>
      <c r="S99" s="68"/>
    </row>
    <row r="100" spans="15:19" x14ac:dyDescent="0.2">
      <c r="O100" s="67"/>
      <c r="P100" s="68"/>
      <c r="Q100" s="68"/>
      <c r="R100" s="68"/>
      <c r="S100" s="68"/>
    </row>
    <row r="101" spans="15:19" x14ac:dyDescent="0.2">
      <c r="O101" s="67"/>
      <c r="P101" s="68"/>
      <c r="Q101" s="68"/>
      <c r="R101" s="68"/>
      <c r="S101" s="68"/>
    </row>
    <row r="102" spans="15:19" x14ac:dyDescent="0.2">
      <c r="O102" s="67"/>
      <c r="P102" s="68"/>
      <c r="Q102" s="68"/>
      <c r="R102" s="68"/>
      <c r="S102" s="68"/>
    </row>
    <row r="103" spans="15:19" x14ac:dyDescent="0.2">
      <c r="O103" s="67"/>
      <c r="P103" s="68"/>
      <c r="Q103" s="68"/>
      <c r="R103" s="68"/>
      <c r="S103" s="68"/>
    </row>
    <row r="104" spans="15:19" x14ac:dyDescent="0.2">
      <c r="O104" s="67"/>
      <c r="P104" s="68"/>
      <c r="Q104" s="68"/>
      <c r="R104" s="68"/>
      <c r="S104" s="68"/>
    </row>
    <row r="105" spans="15:19" x14ac:dyDescent="0.2">
      <c r="O105" s="67"/>
      <c r="P105" s="68"/>
      <c r="Q105" s="68"/>
      <c r="R105" s="68"/>
      <c r="S105" s="68"/>
    </row>
    <row r="106" spans="15:19" x14ac:dyDescent="0.2">
      <c r="O106" s="67"/>
      <c r="P106" s="68"/>
      <c r="Q106" s="68"/>
      <c r="R106" s="68"/>
      <c r="S106" s="68"/>
    </row>
    <row r="107" spans="15:19" x14ac:dyDescent="0.2">
      <c r="O107" s="67"/>
      <c r="P107" s="68"/>
      <c r="Q107" s="68"/>
      <c r="R107" s="68"/>
      <c r="S107" s="68"/>
    </row>
    <row r="108" spans="15:19" x14ac:dyDescent="0.2">
      <c r="O108" s="67"/>
      <c r="P108" s="68"/>
      <c r="Q108" s="68"/>
      <c r="R108" s="68"/>
      <c r="S108" s="68"/>
    </row>
    <row r="109" spans="15:19" x14ac:dyDescent="0.2">
      <c r="O109" s="67"/>
      <c r="P109" s="68"/>
      <c r="Q109" s="68"/>
      <c r="R109" s="68"/>
      <c r="S109" s="68"/>
    </row>
    <row r="110" spans="15:19" x14ac:dyDescent="0.2">
      <c r="O110" s="67"/>
      <c r="P110" s="68"/>
      <c r="Q110" s="68"/>
      <c r="R110" s="68"/>
      <c r="S110" s="68"/>
    </row>
    <row r="111" spans="15:19" x14ac:dyDescent="0.2">
      <c r="O111" s="67"/>
      <c r="P111" s="68"/>
      <c r="Q111" s="68"/>
      <c r="R111" s="68"/>
      <c r="S111" s="68"/>
    </row>
  </sheetData>
  <mergeCells count="10">
    <mergeCell ref="Z1:AC1"/>
    <mergeCell ref="AD1:AG1"/>
    <mergeCell ref="AH1:AK1"/>
    <mergeCell ref="A1:A2"/>
    <mergeCell ref="F1:I1"/>
    <mergeCell ref="J1:M1"/>
    <mergeCell ref="N1:Q1"/>
    <mergeCell ref="R1:U1"/>
    <mergeCell ref="V1:Y1"/>
    <mergeCell ref="B1:E1"/>
  </mergeCells>
  <phoneticPr fontId="2"/>
  <pageMargins left="0.86614173228346458" right="0.6692913385826772" top="0.98425196850393704" bottom="0.98425196850393704" header="0.51181102362204722" footer="0.51181102362204722"/>
  <pageSetup paperSize="9" scale="82" orientation="portrait" horizontalDpi="300" verticalDpi="300" r:id="rId1"/>
  <headerFooter alignWithMargins="0">
    <oddHeader>&amp;L&amp;14 ３　道内都市別世帯数・人口&amp;R資料：国勢調査
(各年１０月１日現在　単位：人・世帯)</oddHeader>
  </headerFooter>
  <colBreaks count="4" manualBreakCount="4">
    <brk id="9" max="40" man="1"/>
    <brk id="17" max="40" man="1"/>
    <brk id="25" max="40" man="1"/>
    <brk id="33" max="40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３　道内都市別世帯数・人口</vt:lpstr>
      <vt:lpstr>'３　道内都市別世帯数・人口'!Print_Area</vt:lpstr>
      <vt:lpstr>'３　道内都市別世帯数・人口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17-12-11T00:16:17Z</cp:lastPrinted>
  <dcterms:created xsi:type="dcterms:W3CDTF">2017-12-10T23:58:11Z</dcterms:created>
  <dcterms:modified xsi:type="dcterms:W3CDTF">2021-12-02T00:31:19Z</dcterms:modified>
</cp:coreProperties>
</file>